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D:\i0200\Desktop\網頁更新(綜合組)\1100429\"/>
    </mc:Choice>
  </mc:AlternateContent>
  <bookViews>
    <workbookView xWindow="0" yWindow="0" windowWidth="23040" windowHeight="9312"/>
  </bookViews>
  <sheets>
    <sheet name="採購契約目錄" sheetId="1" r:id="rId1"/>
  </sheets>
  <calcPr calcId="0"/>
</workbook>
</file>

<file path=xl/sharedStrings.xml><?xml version="1.0" encoding="utf-8"?>
<sst xmlns="http://schemas.openxmlformats.org/spreadsheetml/2006/main" count="1550" uniqueCount="1286">
  <si>
    <r>
      <rPr>
        <b/>
        <sz val="12"/>
        <color rgb="FF000000"/>
        <rFont val="標楷體"/>
        <family val="4"/>
        <charset val="136"/>
      </rPr>
      <t>標的案號</t>
    </r>
  </si>
  <si>
    <r>
      <rPr>
        <b/>
        <sz val="12"/>
        <color rgb="FF000000"/>
        <rFont val="標楷體"/>
        <family val="4"/>
        <charset val="136"/>
      </rPr>
      <t>總決標金額</t>
    </r>
  </si>
  <si>
    <r>
      <rPr>
        <b/>
        <sz val="12"/>
        <color rgb="FF000000"/>
        <rFont val="標楷體"/>
        <family val="4"/>
        <charset val="136"/>
      </rPr>
      <t>中文標的名稱及數量摘要</t>
    </r>
  </si>
  <si>
    <r>
      <rPr>
        <b/>
        <sz val="12"/>
        <color rgb="FF000000"/>
        <rFont val="標楷體"/>
        <family val="4"/>
        <charset val="136"/>
      </rPr>
      <t>決標日期</t>
    </r>
  </si>
  <si>
    <r>
      <rPr>
        <b/>
        <sz val="12"/>
        <color rgb="FF000000"/>
        <rFont val="標楷體"/>
        <family val="4"/>
        <charset val="136"/>
      </rPr>
      <t>得標廠商</t>
    </r>
  </si>
  <si>
    <t>10808</t>
  </si>
  <si>
    <t>處理栗○○君及富○國際開發股份有限公司因不服本會公告所提起之訴願及行政訴訟之法律服務事務</t>
  </si>
  <si>
    <t>108.04.09</t>
  </si>
  <si>
    <t>協合國際法律事務所</t>
  </si>
  <si>
    <t>10804</t>
  </si>
  <si>
    <t>處理宏○人壽保險股份有限公司不服本會裁處書之行政處分，提起之訴願及行政訴訟案之法律服務事務</t>
  </si>
  <si>
    <t>108.03.18</t>
  </si>
  <si>
    <t>10801</t>
  </si>
  <si>
    <t>107年度壽險業有效契約負債公允價值評估覆閱委託代辦案</t>
  </si>
  <si>
    <t>財團法人保險安定基金</t>
  </si>
  <si>
    <t>10727</t>
  </si>
  <si>
    <t>保險商品監理資訊系統維護案</t>
  </si>
  <si>
    <t>107.12.25</t>
  </si>
  <si>
    <t>碩遠科技股份有限公司</t>
  </si>
  <si>
    <t>10720</t>
  </si>
  <si>
    <t>108年度保險業公開資訊觀測站系統維護服務及擴充案</t>
  </si>
  <si>
    <t>瑄品股份有限公司</t>
  </si>
  <si>
    <t>10725</t>
  </si>
  <si>
    <t>108年度事務人員及文書工作勞務採購案</t>
  </si>
  <si>
    <t>107.12.24</t>
  </si>
  <si>
    <t>安勝聯合有限公司</t>
  </si>
  <si>
    <t>10726</t>
  </si>
  <si>
    <t>108年度報紙訂購及派送案</t>
  </si>
  <si>
    <t>107.12.21</t>
  </si>
  <si>
    <t>達龍書報社</t>
  </si>
  <si>
    <t>10728</t>
  </si>
  <si>
    <t>108年度保險輔助人管理系統維護服務案</t>
  </si>
  <si>
    <t>107.12.14</t>
  </si>
  <si>
    <t>10722</t>
  </si>
  <si>
    <t>108年度資料庫個人資料存取監控稽核系統維護案</t>
  </si>
  <si>
    <t>宏碁資訊服務股份有限公司</t>
  </si>
  <si>
    <t>10718A</t>
  </si>
  <si>
    <t>108年度業務專員、會計專員及行政事務員各1名派遣勞務採購案</t>
  </si>
  <si>
    <t>優利資源整合股份有限公司</t>
  </si>
  <si>
    <t>10724</t>
  </si>
  <si>
    <t>108年度風險管理與保險教育推廣入口網站維運案</t>
  </si>
  <si>
    <t>107.12.04</t>
  </si>
  <si>
    <t>10723A</t>
  </si>
  <si>
    <t>108年度保險業通報作業資訊系統軟硬體維護採購案</t>
  </si>
  <si>
    <t>107.11.29</t>
  </si>
  <si>
    <t>鴻名企業股份有限公司</t>
  </si>
  <si>
    <t>10721</t>
  </si>
  <si>
    <t>服務管理系統設備維護案</t>
  </si>
  <si>
    <t>優立迅有限公司</t>
  </si>
  <si>
    <t>10719</t>
  </si>
  <si>
    <t>107年度RBC制度以β值調整係數之方法論所需資料庫系統軟體資料庫
暨系統使用案</t>
  </si>
  <si>
    <t>107.11.13</t>
  </si>
  <si>
    <t>台灣經濟新報文化事業股份有限公司</t>
  </si>
  <si>
    <t>10716</t>
  </si>
  <si>
    <t>107年度編輯印製保險法及相關法規案</t>
  </si>
  <si>
    <t>107.09.10</t>
  </si>
  <si>
    <t>台灣身心障礙人福利促進協會</t>
  </si>
  <si>
    <t>10715</t>
  </si>
  <si>
    <t>處理富有國際開發股份有限公司因不服行政院107年5月23日院臺訴字第1070174813號訴願決定所提起之行政訴訟之法律服務事務</t>
  </si>
  <si>
    <t>107.08.23</t>
  </si>
  <si>
    <t>10714A</t>
  </si>
  <si>
    <t>107年度保險主題教育宣導計畫委辦案</t>
  </si>
  <si>
    <t>107.07.30</t>
  </si>
  <si>
    <t>誠曦行銷股份有限公司</t>
  </si>
  <si>
    <t>10713</t>
  </si>
  <si>
    <t>107年度微型、高齡化、地震保險、強制車險宣導活動－全國巡迴講座</t>
  </si>
  <si>
    <t>107.07.17</t>
  </si>
  <si>
    <t>財團法人保險犯罪防制中心</t>
  </si>
  <si>
    <t>10712</t>
  </si>
  <si>
    <t>處理張○○君不服本會命遠○人壽保險事業股份有限公司解除張君經
理人職務之處分提起之訴願及行政訴訟案之法律服務事務</t>
  </si>
  <si>
    <t>107.06.06</t>
  </si>
  <si>
    <t>理律法律事務所</t>
  </si>
  <si>
    <t>10710</t>
  </si>
  <si>
    <t>107年度金融基礎教育推廣合作計畫委辦案</t>
  </si>
  <si>
    <t>107.05.10</t>
  </si>
  <si>
    <t>社團法人台灣公益團體自律聯盟</t>
  </si>
  <si>
    <t>10709</t>
  </si>
  <si>
    <t>106年度壽險業精算簽證報告及複核報告覆閱委託代辦案</t>
  </si>
  <si>
    <t>107.04.26</t>
  </si>
  <si>
    <t>財團法人保險事業發展中心</t>
  </si>
  <si>
    <t>10708</t>
  </si>
  <si>
    <t>106年度產險業精算簽證報告及複核報告覆閱委託代辦案</t>
  </si>
  <si>
    <t>107.04.25</t>
  </si>
  <si>
    <t>東吳大學</t>
  </si>
  <si>
    <t>10707</t>
  </si>
  <si>
    <t>106年度壽險業保險合約負債公允價值評估覆閱委託代辦案</t>
  </si>
  <si>
    <t>107.03.26</t>
  </si>
  <si>
    <t>10706</t>
  </si>
  <si>
    <t>我國保險業各種準備金提存制度之檢討---因應國際財務報導準則公報
第17號(IFRS 17)-保險合約會計規定</t>
  </si>
  <si>
    <t>107.03.16</t>
  </si>
  <si>
    <t>安侯建業聯合會計師事務所</t>
  </si>
  <si>
    <t>10702</t>
  </si>
  <si>
    <t>107年度資料庫個人資料存取監控稽核系統維護案</t>
  </si>
  <si>
    <t>107.01.29</t>
  </si>
  <si>
    <t>10701</t>
  </si>
  <si>
    <t>107年度保險局受理民眾陳情及金融消費爭議案件控管系統維護暨改版計畫案</t>
  </si>
  <si>
    <t>10704</t>
  </si>
  <si>
    <t>107年度風險管理與保險教育推廣入口網站維運案</t>
  </si>
  <si>
    <t>107.01.22</t>
  </si>
  <si>
    <t>10703A</t>
  </si>
  <si>
    <t>107年度保險業通報作業資訊系統軟硬體維護採購案</t>
  </si>
  <si>
    <t>10629</t>
  </si>
  <si>
    <r>
      <t>107</t>
    </r>
    <r>
      <rPr>
        <sz val="12"/>
        <color rgb="FF000000"/>
        <rFont val="標楷體"/>
        <family val="4"/>
        <charset val="136"/>
      </rPr>
      <t>年度保險輔助人系統維護服務案</t>
    </r>
  </si>
  <si>
    <t>106.12.28</t>
  </si>
  <si>
    <r>
      <rPr>
        <sz val="12"/>
        <color rgb="FF000000"/>
        <rFont val="標楷體"/>
        <family val="4"/>
        <charset val="136"/>
      </rPr>
      <t>碩遠科技股份有限公司</t>
    </r>
  </si>
  <si>
    <t>10630</t>
  </si>
  <si>
    <r>
      <rPr>
        <sz val="12"/>
        <color rgb="FF000000"/>
        <rFont val="標楷體"/>
        <family val="4"/>
        <charset val="136"/>
      </rPr>
      <t>保險商品監理資訊系統維護案</t>
    </r>
  </si>
  <si>
    <t>106.12.27</t>
  </si>
  <si>
    <t>10627</t>
  </si>
  <si>
    <r>
      <t>107</t>
    </r>
    <r>
      <rPr>
        <sz val="12"/>
        <color rgb="FF000000"/>
        <rFont val="標楷體"/>
        <family val="4"/>
        <charset val="136"/>
      </rPr>
      <t>年度事務人員及文書工作勞務採購案</t>
    </r>
  </si>
  <si>
    <t>106.12.25</t>
  </si>
  <si>
    <r>
      <rPr>
        <sz val="12"/>
        <color rgb="FF000000"/>
        <rFont val="標楷體"/>
        <family val="4"/>
        <charset val="136"/>
      </rPr>
      <t>安勝聯合有限公司</t>
    </r>
  </si>
  <si>
    <t>10628</t>
  </si>
  <si>
    <r>
      <t>107</t>
    </r>
    <r>
      <rPr>
        <sz val="12"/>
        <color rgb="FF000000"/>
        <rFont val="標楷體"/>
        <family val="4"/>
        <charset val="136"/>
      </rPr>
      <t>年度保險業公開資訊觀測站系統維護服務案</t>
    </r>
  </si>
  <si>
    <t>106.12.21</t>
  </si>
  <si>
    <t>10626</t>
  </si>
  <si>
    <r>
      <rPr>
        <sz val="12"/>
        <color rgb="FF000000"/>
        <rFont val="標楷體"/>
        <family val="4"/>
        <charset val="136"/>
      </rPr>
      <t>「</t>
    </r>
    <r>
      <rPr>
        <sz val="12"/>
        <color rgb="FF000000"/>
        <rFont val="Times New Roman"/>
        <family val="1"/>
      </rPr>
      <t>RBC</t>
    </r>
    <r>
      <rPr>
        <sz val="12"/>
        <color rgb="FF000000"/>
        <rFont val="標楷體"/>
        <family val="4"/>
        <charset val="136"/>
      </rPr>
      <t>制度以</t>
    </r>
    <r>
      <rPr>
        <sz val="12"/>
        <color rgb="FF000000"/>
        <rFont val="Times New Roman"/>
        <family val="1"/>
      </rPr>
      <t>β</t>
    </r>
    <r>
      <rPr>
        <sz val="12"/>
        <color rgb="FF000000"/>
        <rFont val="標楷體"/>
        <family val="4"/>
        <charset val="136"/>
      </rPr>
      <t>值調整係數之方法論所需資料庫系統軟體」資料庫暨系統使用案</t>
    </r>
  </si>
  <si>
    <t>106.12.18</t>
  </si>
  <si>
    <r>
      <rPr>
        <sz val="12"/>
        <color rgb="FF000000"/>
        <rFont val="標楷體"/>
        <family val="4"/>
        <charset val="136"/>
      </rPr>
      <t>台灣經濟新報文化事業股份有限公司</t>
    </r>
  </si>
  <si>
    <r>
      <rPr>
        <sz val="12"/>
        <color rgb="FF000000"/>
        <rFont val="標楷體"/>
        <family val="4"/>
        <charset val="136"/>
      </rPr>
      <t>協合國際法律事務所</t>
    </r>
  </si>
  <si>
    <t>10620</t>
  </si>
  <si>
    <r>
      <rPr>
        <sz val="12"/>
        <color rgb="FF000000"/>
        <rFont val="標楷體"/>
        <family val="4"/>
        <charset val="136"/>
      </rPr>
      <t>辦公室高架地板更新採購案</t>
    </r>
  </si>
  <si>
    <t>106.10.06</t>
  </si>
  <si>
    <r>
      <rPr>
        <sz val="12"/>
        <color rgb="FF000000"/>
        <rFont val="標楷體"/>
        <family val="4"/>
        <charset val="136"/>
      </rPr>
      <t>益靖有限公司</t>
    </r>
  </si>
  <si>
    <t>10615</t>
  </si>
  <si>
    <r>
      <rPr>
        <sz val="12"/>
        <color rgb="FF000000"/>
        <rFont val="標楷體"/>
        <family val="4"/>
        <charset val="136"/>
      </rPr>
      <t>「</t>
    </r>
    <r>
      <rPr>
        <sz val="12"/>
        <color rgb="FF000000"/>
        <rFont val="Times New Roman"/>
        <family val="1"/>
      </rPr>
      <t>106</t>
    </r>
    <r>
      <rPr>
        <sz val="12"/>
        <color rgb="FF000000"/>
        <rFont val="標楷體"/>
        <family val="4"/>
        <charset val="136"/>
      </rPr>
      <t>年度風險管理與保險教育推廣入口網站維運案」</t>
    </r>
  </si>
  <si>
    <t>106.06.26</t>
  </si>
  <si>
    <t>10614</t>
  </si>
  <si>
    <r>
      <t>106</t>
    </r>
    <r>
      <rPr>
        <sz val="12"/>
        <color rgb="FF000000"/>
        <rFont val="標楷體"/>
        <family val="4"/>
        <charset val="136"/>
      </rPr>
      <t>年度保險業公開資訊觀測站系統維護服務案</t>
    </r>
  </si>
  <si>
    <t>106.06.12</t>
  </si>
  <si>
    <r>
      <rPr>
        <sz val="12"/>
        <color rgb="FF000000"/>
        <rFont val="標楷體"/>
        <family val="4"/>
        <charset val="136"/>
      </rPr>
      <t>台塑網科技股份有限公司</t>
    </r>
  </si>
  <si>
    <t>10616</t>
  </si>
  <si>
    <r>
      <rPr>
        <sz val="12"/>
        <color rgb="FF000000"/>
        <rFont val="標楷體"/>
        <family val="4"/>
        <charset val="136"/>
      </rPr>
      <t>「</t>
    </r>
    <r>
      <rPr>
        <sz val="12"/>
        <color rgb="FF000000"/>
        <rFont val="Times New Roman"/>
        <family val="1"/>
      </rPr>
      <t>106</t>
    </r>
    <r>
      <rPr>
        <sz val="12"/>
        <color rgb="FF000000"/>
        <rFont val="標楷體"/>
        <family val="4"/>
        <charset val="136"/>
      </rPr>
      <t>年度各類保險宣導活動</t>
    </r>
    <r>
      <rPr>
        <sz val="12"/>
        <color rgb="FF000000"/>
        <rFont val="Times New Roman"/>
        <family val="1"/>
      </rPr>
      <t>-</t>
    </r>
    <r>
      <rPr>
        <sz val="12"/>
        <color rgb="FF000000"/>
        <rFont val="標楷體"/>
        <family val="4"/>
        <charset val="136"/>
      </rPr>
      <t>園遊會」</t>
    </r>
  </si>
  <si>
    <t>106.06.09</t>
  </si>
  <si>
    <r>
      <rPr>
        <sz val="12"/>
        <color rgb="FF000000"/>
        <rFont val="標楷體"/>
        <family val="4"/>
        <charset val="136"/>
      </rPr>
      <t>鑽石糖創意行銷有限公司</t>
    </r>
  </si>
  <si>
    <t>10613</t>
  </si>
  <si>
    <r>
      <rPr>
        <sz val="12"/>
        <color rgb="FF000000"/>
        <rFont val="標楷體"/>
        <family val="4"/>
        <charset val="136"/>
      </rPr>
      <t>「</t>
    </r>
    <r>
      <rPr>
        <sz val="12"/>
        <color rgb="FF000000"/>
        <rFont val="Times New Roman"/>
        <family val="1"/>
      </rPr>
      <t>106</t>
    </r>
    <r>
      <rPr>
        <sz val="12"/>
        <color rgb="FF000000"/>
        <rFont val="標楷體"/>
        <family val="4"/>
        <charset val="136"/>
      </rPr>
      <t>年度金融基礎教育推廣合作計畫」委辦案</t>
    </r>
  </si>
  <si>
    <t>106.05.18</t>
  </si>
  <si>
    <r>
      <rPr>
        <sz val="12"/>
        <color rgb="FF000000"/>
        <rFont val="標楷體"/>
        <family val="4"/>
        <charset val="136"/>
      </rPr>
      <t>社團法人台灣公益團體自律聯盟</t>
    </r>
  </si>
  <si>
    <t>10607A</t>
  </si>
  <si>
    <r>
      <rPr>
        <sz val="12"/>
        <color rgb="FF000000"/>
        <rFont val="標楷體"/>
        <family val="4"/>
        <charset val="136"/>
      </rPr>
      <t>「人身保險商品採實物給付之風險控管與監理規範」委託研究計畫案</t>
    </r>
  </si>
  <si>
    <t>106.05.16</t>
  </si>
  <si>
    <r>
      <rPr>
        <sz val="12"/>
        <color rgb="FF000000"/>
        <rFont val="標楷體"/>
        <family val="4"/>
        <charset val="136"/>
      </rPr>
      <t>愛森管理顧問有限公司</t>
    </r>
  </si>
  <si>
    <t>10606</t>
  </si>
  <si>
    <r>
      <rPr>
        <sz val="12"/>
        <color rgb="FF000000"/>
        <rFont val="標楷體"/>
        <family val="4"/>
        <charset val="136"/>
      </rPr>
      <t>處理林○○因不服行政院</t>
    </r>
    <r>
      <rPr>
        <sz val="12"/>
        <color rgb="FF000000"/>
        <rFont val="Times New Roman"/>
        <family val="1"/>
      </rPr>
      <t>105</t>
    </r>
    <r>
      <rPr>
        <sz val="12"/>
        <color rgb="FF000000"/>
        <rFont val="標楷體"/>
        <family val="4"/>
        <charset val="136"/>
      </rPr>
      <t>年</t>
    </r>
    <r>
      <rPr>
        <sz val="12"/>
        <color rgb="FF000000"/>
        <rFont val="Times New Roman"/>
        <family val="1"/>
      </rPr>
      <t>11</t>
    </r>
    <r>
      <rPr>
        <sz val="12"/>
        <color rgb="FF000000"/>
        <rFont val="標楷體"/>
        <family val="4"/>
        <charset val="136"/>
      </rPr>
      <t>月</t>
    </r>
    <r>
      <rPr>
        <sz val="12"/>
        <color rgb="FF000000"/>
        <rFont val="Times New Roman"/>
        <family val="1"/>
      </rPr>
      <t>24</t>
    </r>
    <r>
      <rPr>
        <sz val="12"/>
        <color rgb="FF000000"/>
        <rFont val="標楷體"/>
        <family val="4"/>
        <charset val="136"/>
      </rPr>
      <t>日院臺訴字第</t>
    </r>
    <r>
      <rPr>
        <sz val="12"/>
        <color rgb="FF000000"/>
        <rFont val="Times New Roman"/>
        <family val="1"/>
      </rPr>
      <t>1050184046</t>
    </r>
    <r>
      <rPr>
        <sz val="12"/>
        <color rgb="FF000000"/>
        <rFont val="標楷體"/>
        <family val="4"/>
        <charset val="136"/>
      </rPr>
      <t>號、院臺訴字第</t>
    </r>
    <r>
      <rPr>
        <sz val="12"/>
        <color rgb="FF000000"/>
        <rFont val="Times New Roman"/>
        <family val="1"/>
      </rPr>
      <t>1050184634</t>
    </r>
    <r>
      <rPr>
        <sz val="12"/>
        <color rgb="FF000000"/>
        <rFont val="標楷體"/>
        <family val="4"/>
        <charset val="136"/>
      </rPr>
      <t>號訴願決定提起之行政訴訟之法律服務事務</t>
    </r>
  </si>
  <si>
    <t>10611</t>
  </si>
  <si>
    <r>
      <t>105</t>
    </r>
    <r>
      <rPr>
        <sz val="12"/>
        <color rgb="FF000000"/>
        <rFont val="標楷體"/>
        <family val="4"/>
        <charset val="136"/>
      </rPr>
      <t>年度產險業精算簽證報告及複核報告覆閱委託代辦案</t>
    </r>
  </si>
  <si>
    <t>106.05.12</t>
  </si>
  <si>
    <r>
      <rPr>
        <sz val="12"/>
        <color rgb="FF000000"/>
        <rFont val="標楷體"/>
        <family val="4"/>
        <charset val="136"/>
      </rPr>
      <t>東吳大學</t>
    </r>
  </si>
  <si>
    <t>10612A</t>
  </si>
  <si>
    <r>
      <rPr>
        <sz val="12"/>
        <color rgb="FF000000"/>
        <rFont val="標楷體"/>
        <family val="4"/>
        <charset val="136"/>
      </rPr>
      <t>「建置保險商品聚合平台可行性之研究」委託研究計畫</t>
    </r>
  </si>
  <si>
    <t>106.05.10</t>
  </si>
  <si>
    <r>
      <rPr>
        <sz val="12"/>
        <color rgb="FF000000"/>
        <rFont val="標楷體"/>
        <family val="4"/>
        <charset val="136"/>
      </rPr>
      <t>財團法人保險發展中心</t>
    </r>
  </si>
  <si>
    <t>10608A</t>
  </si>
  <si>
    <r>
      <rPr>
        <sz val="12"/>
        <color rgb="FF000000"/>
        <rFont val="標楷體"/>
        <family val="4"/>
        <charset val="136"/>
      </rPr>
      <t>「數位金融下保險電子商務的發展與監理」委託研究計畫案</t>
    </r>
  </si>
  <si>
    <t>106.05.04</t>
  </si>
  <si>
    <r>
      <rPr>
        <sz val="12"/>
        <color rgb="FF000000"/>
        <rFont val="標楷體"/>
        <family val="4"/>
        <charset val="136"/>
      </rPr>
      <t>智呈國際法律事務所</t>
    </r>
  </si>
  <si>
    <t>10609</t>
  </si>
  <si>
    <r>
      <rPr>
        <sz val="12"/>
        <color rgb="FF000000"/>
        <rFont val="標楷體"/>
        <family val="4"/>
        <charset val="136"/>
      </rPr>
      <t>保險業資金運用之監理政策研究</t>
    </r>
  </si>
  <si>
    <t>106.04.28</t>
  </si>
  <si>
    <r>
      <rPr>
        <sz val="12"/>
        <color rgb="FF000000"/>
        <rFont val="標楷體"/>
        <family val="4"/>
        <charset val="136"/>
      </rPr>
      <t>財團法人保險安定基金</t>
    </r>
  </si>
  <si>
    <t>10610</t>
  </si>
  <si>
    <r>
      <t>105</t>
    </r>
    <r>
      <rPr>
        <sz val="12"/>
        <color rgb="FF000000"/>
        <rFont val="標楷體"/>
        <family val="4"/>
        <charset val="136"/>
      </rPr>
      <t>年度壽險業精算簽證報告及複核報告覆閱委託代辦案</t>
    </r>
  </si>
  <si>
    <t>106.04.26</t>
  </si>
  <si>
    <t>10605</t>
  </si>
  <si>
    <r>
      <t>105</t>
    </r>
    <r>
      <rPr>
        <sz val="12"/>
        <color rgb="FF000000"/>
        <rFont val="標楷體"/>
        <family val="4"/>
        <charset val="136"/>
      </rPr>
      <t>年度壽險業有效契約負債公允價值評估覆閱委託代辦案</t>
    </r>
  </si>
  <si>
    <t>106.03.24</t>
  </si>
  <si>
    <t>10604</t>
  </si>
  <si>
    <r>
      <t>106</t>
    </r>
    <r>
      <rPr>
        <sz val="12"/>
        <color rgb="FF000000"/>
        <rFont val="標楷體"/>
        <family val="4"/>
        <charset val="136"/>
      </rPr>
      <t>年度報紙訂購及派送案採購案</t>
    </r>
  </si>
  <si>
    <r>
      <rPr>
        <sz val="12"/>
        <color rgb="FF000000"/>
        <rFont val="標楷體"/>
        <family val="4"/>
        <charset val="136"/>
      </rPr>
      <t>達龍書報社</t>
    </r>
  </si>
  <si>
    <t>10601A</t>
  </si>
  <si>
    <r>
      <t>106</t>
    </r>
    <r>
      <rPr>
        <sz val="12"/>
        <color rgb="FF000000"/>
        <rFont val="標楷體"/>
        <family val="4"/>
        <charset val="136"/>
      </rPr>
      <t>年度保險業通報作業資訊系統軟硬體維護採購案</t>
    </r>
  </si>
  <si>
    <t>106.02.17</t>
  </si>
  <si>
    <r>
      <rPr>
        <sz val="12"/>
        <color rgb="FF000000"/>
        <rFont val="標楷體"/>
        <family val="4"/>
        <charset val="136"/>
      </rPr>
      <t>鴻名企業股份有限公司</t>
    </r>
  </si>
  <si>
    <t>106.01.23</t>
  </si>
  <si>
    <t>10529</t>
  </si>
  <si>
    <r>
      <rPr>
        <sz val="12"/>
        <color rgb="FF000000"/>
        <rFont val="標楷體"/>
        <family val="4"/>
        <charset val="136"/>
      </rPr>
      <t>「</t>
    </r>
    <r>
      <rPr>
        <sz val="12"/>
        <color rgb="FF000000"/>
        <rFont val="Times New Roman"/>
        <family val="1"/>
      </rPr>
      <t>106</t>
    </r>
    <r>
      <rPr>
        <sz val="12"/>
        <color rgb="FF000000"/>
        <rFont val="標楷體"/>
        <family val="4"/>
        <charset val="136"/>
      </rPr>
      <t>年度保險輔助人管理系統維護服務」採購案</t>
    </r>
  </si>
  <si>
    <t>105.12.29</t>
  </si>
  <si>
    <t>10524</t>
  </si>
  <si>
    <t>105.12.28</t>
  </si>
  <si>
    <t>10528</t>
  </si>
  <si>
    <r>
      <t>106</t>
    </r>
    <r>
      <rPr>
        <sz val="12"/>
        <color rgb="FF000000"/>
        <rFont val="標楷體"/>
        <family val="4"/>
        <charset val="136"/>
      </rPr>
      <t>年連續資料保護系統維護案</t>
    </r>
  </si>
  <si>
    <t>105.12.27</t>
  </si>
  <si>
    <r>
      <rPr>
        <sz val="12"/>
        <color rgb="FF000000"/>
        <rFont val="標楷體"/>
        <family val="4"/>
        <charset val="136"/>
      </rPr>
      <t>元凱資訊股份有限公司</t>
    </r>
  </si>
  <si>
    <t>10527</t>
  </si>
  <si>
    <r>
      <t>106</t>
    </r>
    <r>
      <rPr>
        <sz val="12"/>
        <color rgb="FF000000"/>
        <rFont val="標楷體"/>
        <family val="4"/>
        <charset val="136"/>
      </rPr>
      <t>年度資料庫個人資料存取監控稽核系統維護案</t>
    </r>
  </si>
  <si>
    <t>105.11.30</t>
  </si>
  <si>
    <r>
      <rPr>
        <sz val="12"/>
        <color rgb="FF000000"/>
        <rFont val="標楷體"/>
        <family val="4"/>
        <charset val="136"/>
      </rPr>
      <t>宏碁資訊服務股份有限公司</t>
    </r>
  </si>
  <si>
    <t>10522</t>
  </si>
  <si>
    <r>
      <t>105</t>
    </r>
    <r>
      <rPr>
        <sz val="12"/>
        <color rgb="FF000000"/>
        <rFont val="標楷體"/>
        <family val="4"/>
        <charset val="136"/>
      </rPr>
      <t>至</t>
    </r>
    <r>
      <rPr>
        <sz val="12"/>
        <color rgb="FF000000"/>
        <rFont val="Times New Roman"/>
        <family val="1"/>
      </rPr>
      <t>106</t>
    </r>
    <r>
      <rPr>
        <sz val="12"/>
        <color rgb="FF000000"/>
        <rFont val="標楷體"/>
        <family val="4"/>
        <charset val="136"/>
      </rPr>
      <t>年度公文影像掃描</t>
    </r>
    <r>
      <rPr>
        <sz val="12"/>
        <color rgb="FF000000"/>
        <rFont val="Times New Roman"/>
        <family val="1"/>
      </rPr>
      <t>(</t>
    </r>
    <r>
      <rPr>
        <sz val="12"/>
        <color rgb="FF000000"/>
        <rFont val="標楷體"/>
        <family val="4"/>
        <charset val="136"/>
      </rPr>
      <t>含</t>
    </r>
    <r>
      <rPr>
        <sz val="12"/>
        <color rgb="FF000000"/>
        <rFont val="Times New Roman"/>
        <family val="1"/>
      </rPr>
      <t>88</t>
    </r>
    <r>
      <rPr>
        <sz val="12"/>
        <color rgb="FF000000"/>
        <rFont val="標楷體"/>
        <family val="4"/>
        <charset val="136"/>
      </rPr>
      <t>年以前財政部舊檔</t>
    </r>
    <r>
      <rPr>
        <sz val="12"/>
        <color rgb="FF000000"/>
        <rFont val="Times New Roman"/>
        <family val="1"/>
      </rPr>
      <t>)</t>
    </r>
    <r>
      <rPr>
        <sz val="12"/>
        <color rgb="FF000000"/>
        <rFont val="標楷體"/>
        <family val="4"/>
        <charset val="136"/>
      </rPr>
      <t>委外案</t>
    </r>
  </si>
  <si>
    <r>
      <rPr>
        <sz val="12"/>
        <color rgb="FF000000"/>
        <rFont val="標楷體"/>
        <family val="4"/>
        <charset val="136"/>
      </rPr>
      <t>宜誠資訊股份有限公司</t>
    </r>
  </si>
  <si>
    <t>10525A</t>
  </si>
  <si>
    <r>
      <t>106</t>
    </r>
    <r>
      <rPr>
        <sz val="12"/>
        <color rgb="FF000000"/>
        <rFont val="標楷體"/>
        <family val="4"/>
        <charset val="136"/>
      </rPr>
      <t>年度「業務專員、會計專員及行政事務員各</t>
    </r>
    <r>
      <rPr>
        <sz val="12"/>
        <color rgb="FF000000"/>
        <rFont val="Times New Roman"/>
        <family val="1"/>
      </rPr>
      <t>1</t>
    </r>
    <r>
      <rPr>
        <sz val="12"/>
        <color rgb="FF000000"/>
        <rFont val="標楷體"/>
        <family val="4"/>
        <charset val="136"/>
      </rPr>
      <t>名派遣勞務採購案」</t>
    </r>
  </si>
  <si>
    <t>105.11.21</t>
  </si>
  <si>
    <r>
      <rPr>
        <sz val="12"/>
        <color rgb="FF000000"/>
        <rFont val="標楷體"/>
        <family val="4"/>
        <charset val="136"/>
      </rPr>
      <t>優利資源整合股份有限公司</t>
    </r>
  </si>
  <si>
    <t>10526</t>
  </si>
  <si>
    <r>
      <rPr>
        <sz val="12"/>
        <color rgb="FF000000"/>
        <rFont val="標楷體"/>
        <family val="4"/>
        <charset val="136"/>
      </rPr>
      <t>服務管理系統設備維護案</t>
    </r>
  </si>
  <si>
    <t>105.11.18</t>
  </si>
  <si>
    <r>
      <rPr>
        <sz val="12"/>
        <color rgb="FF000000"/>
        <rFont val="標楷體"/>
        <family val="4"/>
        <charset val="136"/>
      </rPr>
      <t>優立迅有限公司</t>
    </r>
  </si>
  <si>
    <t>10523</t>
  </si>
  <si>
    <r>
      <t>106</t>
    </r>
    <r>
      <rPr>
        <sz val="12"/>
        <color rgb="FF000000"/>
        <rFont val="標楷體"/>
        <family val="4"/>
        <charset val="136"/>
      </rPr>
      <t>年度事務人員及文書工作勞務採購案</t>
    </r>
  </si>
  <si>
    <t>105.11.01</t>
  </si>
  <si>
    <r>
      <rPr>
        <sz val="12"/>
        <color rgb="FF000000"/>
        <rFont val="標楷體"/>
        <family val="4"/>
        <charset val="136"/>
      </rPr>
      <t>優思達企業有限公司</t>
    </r>
  </si>
  <si>
    <t>10520</t>
  </si>
  <si>
    <r>
      <t>105</t>
    </r>
    <r>
      <rPr>
        <sz val="12"/>
        <color rgb="FF000000"/>
        <rFont val="標楷體"/>
        <family val="4"/>
        <charset val="136"/>
      </rPr>
      <t>年度編輯印製保險法及相關法規</t>
    </r>
  </si>
  <si>
    <t>105.10.31</t>
  </si>
  <si>
    <r>
      <rPr>
        <sz val="12"/>
        <color rgb="FF000000"/>
        <rFont val="標楷體"/>
        <family val="4"/>
        <charset val="136"/>
      </rPr>
      <t>元東印刷包裝有限公司</t>
    </r>
  </si>
  <si>
    <t>10521</t>
  </si>
  <si>
    <r>
      <rPr>
        <sz val="12"/>
        <color rgb="FF000000"/>
        <rFont val="標楷體"/>
        <family val="4"/>
        <charset val="136"/>
      </rPr>
      <t>新店檔案庫房檔案櫃採購案</t>
    </r>
  </si>
  <si>
    <t>105.10.20</t>
  </si>
  <si>
    <r>
      <rPr>
        <sz val="12"/>
        <color rgb="FF000000"/>
        <rFont val="標楷體"/>
        <family val="4"/>
        <charset val="136"/>
      </rPr>
      <t>均輝工業股份有限公司</t>
    </r>
  </si>
  <si>
    <t>10519</t>
  </si>
  <si>
    <r>
      <rPr>
        <sz val="12"/>
        <color rgb="FF000000"/>
        <rFont val="標楷體"/>
        <family val="4"/>
        <charset val="136"/>
      </rPr>
      <t>處理栗○○、江○○及林○○等</t>
    </r>
    <r>
      <rPr>
        <sz val="12"/>
        <color rgb="FF000000"/>
        <rFont val="Times New Roman"/>
        <family val="1"/>
      </rPr>
      <t>3</t>
    </r>
    <r>
      <rPr>
        <sz val="12"/>
        <color rgb="FF000000"/>
        <rFont val="標楷體"/>
        <family val="4"/>
        <charset val="136"/>
      </rPr>
      <t>人因不服限制財產移轉、交付或設定他項權利或限制出境之處分</t>
    </r>
    <r>
      <rPr>
        <sz val="12"/>
        <color rgb="FF000000"/>
        <rFont val="Times New Roman"/>
        <family val="1"/>
      </rPr>
      <t>(</t>
    </r>
    <r>
      <rPr>
        <sz val="12"/>
        <color rgb="FF000000"/>
        <rFont val="標楷體"/>
        <family val="4"/>
        <charset val="136"/>
      </rPr>
      <t>本會</t>
    </r>
    <r>
      <rPr>
        <sz val="12"/>
        <color rgb="FF000000"/>
        <rFont val="Times New Roman"/>
        <family val="1"/>
      </rPr>
      <t>105</t>
    </r>
    <r>
      <rPr>
        <sz val="12"/>
        <color rgb="FF000000"/>
        <rFont val="標楷體"/>
        <family val="4"/>
        <charset val="136"/>
      </rPr>
      <t>年</t>
    </r>
    <r>
      <rPr>
        <sz val="12"/>
        <color rgb="FF000000"/>
        <rFont val="Times New Roman"/>
        <family val="1"/>
      </rPr>
      <t>7</t>
    </r>
    <r>
      <rPr>
        <sz val="12"/>
        <color rgb="FF000000"/>
        <rFont val="標楷體"/>
        <family val="4"/>
        <charset val="136"/>
      </rPr>
      <t>月</t>
    </r>
    <r>
      <rPr>
        <sz val="12"/>
        <color rgb="FF000000"/>
        <rFont val="Times New Roman"/>
        <family val="1"/>
      </rPr>
      <t>22</t>
    </r>
    <r>
      <rPr>
        <sz val="12"/>
        <color rgb="FF000000"/>
        <rFont val="標楷體"/>
        <family val="4"/>
        <charset val="136"/>
      </rPr>
      <t>日金管保財字第</t>
    </r>
    <r>
      <rPr>
        <sz val="12"/>
        <color rgb="FF000000"/>
        <rFont val="Times New Roman"/>
        <family val="1"/>
      </rPr>
      <t>10502503401</t>
    </r>
    <r>
      <rPr>
        <sz val="12"/>
        <color rgb="FF000000"/>
        <rFont val="標楷體"/>
        <family val="4"/>
        <charset val="136"/>
      </rPr>
      <t>號函及金管保財字第</t>
    </r>
    <r>
      <rPr>
        <sz val="12"/>
        <color rgb="FF000000"/>
        <rFont val="Times New Roman"/>
        <family val="1"/>
      </rPr>
      <t>10502503402</t>
    </r>
    <r>
      <rPr>
        <sz val="12"/>
        <color rgb="FF000000"/>
        <rFont val="標楷體"/>
        <family val="4"/>
        <charset val="136"/>
      </rPr>
      <t>號函</t>
    </r>
    <r>
      <rPr>
        <sz val="12"/>
        <color rgb="FF000000"/>
        <rFont val="Times New Roman"/>
        <family val="1"/>
      </rPr>
      <t>)</t>
    </r>
    <r>
      <rPr>
        <sz val="12"/>
        <color rgb="FF000000"/>
        <rFont val="標楷體"/>
        <family val="4"/>
        <charset val="136"/>
      </rPr>
      <t>所提起之訴願之法律服務事務</t>
    </r>
  </si>
  <si>
    <t>105.09.30</t>
  </si>
  <si>
    <t>10518A</t>
  </si>
  <si>
    <r>
      <t>105</t>
    </r>
    <r>
      <rPr>
        <sz val="12"/>
        <color rgb="FF000000"/>
        <rFont val="標楷體"/>
        <family val="4"/>
        <charset val="136"/>
      </rPr>
      <t>年度</t>
    </r>
    <r>
      <rPr>
        <sz val="12"/>
        <color rgb="FF000000"/>
        <rFont val="Times New Roman"/>
        <family val="1"/>
      </rPr>
      <t>9</t>
    </r>
    <r>
      <rPr>
        <sz val="12"/>
        <color rgb="FF000000"/>
        <rFont val="標楷體"/>
        <family val="4"/>
        <charset val="136"/>
      </rPr>
      <t>月至</t>
    </r>
    <r>
      <rPr>
        <sz val="12"/>
        <color rgb="FF000000"/>
        <rFont val="Times New Roman"/>
        <family val="1"/>
      </rPr>
      <t>12</t>
    </r>
    <r>
      <rPr>
        <sz val="12"/>
        <color rgb="FF000000"/>
        <rFont val="標楷體"/>
        <family val="4"/>
        <charset val="136"/>
      </rPr>
      <t>月「業務專員、會計專員及行政事務員各</t>
    </r>
    <r>
      <rPr>
        <sz val="12"/>
        <color rgb="FF000000"/>
        <rFont val="Times New Roman"/>
        <family val="1"/>
      </rPr>
      <t>1</t>
    </r>
    <r>
      <rPr>
        <sz val="12"/>
        <color rgb="FF000000"/>
        <rFont val="標楷體"/>
        <family val="4"/>
        <charset val="136"/>
      </rPr>
      <t>名派遣勞務採購案」</t>
    </r>
  </si>
  <si>
    <t>105.09.12</t>
  </si>
  <si>
    <t>10517</t>
  </si>
  <si>
    <r>
      <t>105</t>
    </r>
    <r>
      <rPr>
        <sz val="12"/>
        <color rgb="FF000000"/>
        <rFont val="標楷體"/>
        <family val="4"/>
        <charset val="136"/>
      </rPr>
      <t>年度交換器汰換案</t>
    </r>
  </si>
  <si>
    <t>105.08.26</t>
  </si>
  <si>
    <r>
      <rPr>
        <sz val="12"/>
        <color rgb="FF000000"/>
        <rFont val="標楷體"/>
        <family val="4"/>
        <charset val="136"/>
      </rPr>
      <t>精準國際開發有限公司</t>
    </r>
  </si>
  <si>
    <t>10515A</t>
  </si>
  <si>
    <r>
      <t>105</t>
    </r>
    <r>
      <rPr>
        <sz val="12"/>
        <color rgb="FF000000"/>
        <rFont val="標楷體"/>
        <family val="4"/>
        <charset val="136"/>
      </rPr>
      <t>年度微型保險及汽機車第三人責任保險商品整合推廣計畫委辦案</t>
    </r>
  </si>
  <si>
    <r>
      <rPr>
        <sz val="12"/>
        <color rgb="FF000000"/>
        <rFont val="標楷體"/>
        <family val="4"/>
        <charset val="136"/>
      </rPr>
      <t>群策公關顧問有限公司</t>
    </r>
  </si>
  <si>
    <t>10516</t>
  </si>
  <si>
    <r>
      <t>105</t>
    </r>
    <r>
      <rPr>
        <sz val="12"/>
        <color rgb="FF000000"/>
        <rFont val="標楷體"/>
        <family val="4"/>
        <charset val="136"/>
      </rPr>
      <t>年度微型、高齡化、地震保險暨各類保險宣導活動－草地野餐音樂會暨園遊會</t>
    </r>
  </si>
  <si>
    <t>105.08.03</t>
  </si>
  <si>
    <r>
      <rPr>
        <sz val="12"/>
        <color rgb="FF000000"/>
        <rFont val="標楷體"/>
        <family val="4"/>
        <charset val="136"/>
      </rPr>
      <t>啟點行銷有限公司</t>
    </r>
  </si>
  <si>
    <r>
      <rPr>
        <sz val="12"/>
        <color rgb="FF000000"/>
        <rFont val="標楷體"/>
        <family val="4"/>
        <charset val="136"/>
      </rPr>
      <t>弦律法律事務所</t>
    </r>
  </si>
  <si>
    <t>10509</t>
  </si>
  <si>
    <r>
      <rPr>
        <sz val="12"/>
        <color rgb="FF000000"/>
        <rFont val="標楷體"/>
        <family val="4"/>
        <charset val="136"/>
      </rPr>
      <t>處理李○○君因不服限制出境處分（本會</t>
    </r>
    <r>
      <rPr>
        <sz val="12"/>
        <color rgb="FF000000"/>
        <rFont val="Times New Roman"/>
        <family val="1"/>
      </rPr>
      <t>105</t>
    </r>
    <r>
      <rPr>
        <sz val="12"/>
        <color rgb="FF000000"/>
        <rFont val="標楷體"/>
        <family val="4"/>
        <charset val="136"/>
      </rPr>
      <t>年</t>
    </r>
    <r>
      <rPr>
        <sz val="12"/>
        <color rgb="FF000000"/>
        <rFont val="Times New Roman"/>
        <family val="1"/>
      </rPr>
      <t>2</t>
    </r>
    <r>
      <rPr>
        <sz val="12"/>
        <color rgb="FF000000"/>
        <rFont val="標楷體"/>
        <family val="4"/>
        <charset val="136"/>
      </rPr>
      <t>月</t>
    </r>
    <r>
      <rPr>
        <sz val="12"/>
        <color rgb="FF000000"/>
        <rFont val="Times New Roman"/>
        <family val="1"/>
      </rPr>
      <t>3</t>
    </r>
    <r>
      <rPr>
        <sz val="12"/>
        <color rgb="FF000000"/>
        <rFont val="標楷體"/>
        <family val="4"/>
        <charset val="136"/>
      </rPr>
      <t>日金管保財字第</t>
    </r>
    <r>
      <rPr>
        <sz val="12"/>
        <color rgb="FF000000"/>
        <rFont val="Times New Roman"/>
        <family val="1"/>
      </rPr>
      <t>10502501002</t>
    </r>
    <r>
      <rPr>
        <sz val="12"/>
        <color rgb="FF000000"/>
        <rFont val="標楷體"/>
        <family val="4"/>
        <charset val="136"/>
      </rPr>
      <t>號函）所提起之訴願及行政訴訟案之法律服務事務</t>
    </r>
  </si>
  <si>
    <t>105.05.20</t>
  </si>
  <si>
    <r>
      <rPr>
        <sz val="12"/>
        <color rgb="FF000000"/>
        <rFont val="標楷體"/>
        <family val="4"/>
        <charset val="136"/>
      </rPr>
      <t>理律法律事務所</t>
    </r>
  </si>
  <si>
    <t>10511</t>
  </si>
  <si>
    <r>
      <t>105</t>
    </r>
    <r>
      <rPr>
        <sz val="12"/>
        <color rgb="FF000000"/>
        <rFont val="標楷體"/>
        <family val="4"/>
        <charset val="136"/>
      </rPr>
      <t>年度風險管理與保險教育資料庫網站維運案</t>
    </r>
  </si>
  <si>
    <t>105.05.17</t>
  </si>
  <si>
    <t>10506</t>
  </si>
  <si>
    <r>
      <rPr>
        <sz val="12"/>
        <color rgb="FF000000"/>
        <rFont val="標楷體"/>
        <family val="4"/>
        <charset val="136"/>
      </rPr>
      <t>「</t>
    </r>
    <r>
      <rPr>
        <sz val="12"/>
        <color rgb="FF000000"/>
        <rFont val="Times New Roman"/>
        <family val="1"/>
      </rPr>
      <t>105</t>
    </r>
    <r>
      <rPr>
        <sz val="12"/>
        <color rgb="FF000000"/>
        <rFont val="標楷體"/>
        <family val="4"/>
        <charset val="136"/>
      </rPr>
      <t>年度金融基礎教育推廣合作計畫</t>
    </r>
    <r>
      <rPr>
        <sz val="12"/>
        <color rgb="FF000000"/>
        <rFont val="Times New Roman"/>
        <family val="1"/>
      </rPr>
      <t xml:space="preserve"> </t>
    </r>
    <r>
      <rPr>
        <sz val="12"/>
        <color rgb="FF000000"/>
        <rFont val="標楷體"/>
        <family val="4"/>
        <charset val="136"/>
      </rPr>
      <t>」委辦案</t>
    </r>
  </si>
  <si>
    <t>105.05.13</t>
  </si>
  <si>
    <r>
      <rPr>
        <sz val="12"/>
        <color rgb="FF000000"/>
        <rFont val="標楷體"/>
        <family val="4"/>
        <charset val="136"/>
      </rPr>
      <t>非玩不可創意文化有限公司</t>
    </r>
  </si>
  <si>
    <t>10505</t>
  </si>
  <si>
    <r>
      <rPr>
        <sz val="12"/>
        <color rgb="FF000000"/>
        <rFont val="標楷體"/>
        <family val="4"/>
        <charset val="136"/>
      </rPr>
      <t>處理栗○○君不服本會接管朝○人壽保險股份有限公司處分</t>
    </r>
    <r>
      <rPr>
        <sz val="12"/>
        <color rgb="FF000000"/>
        <rFont val="Times New Roman"/>
        <family val="1"/>
      </rPr>
      <t>(105</t>
    </r>
    <r>
      <rPr>
        <sz val="12"/>
        <color rgb="FF000000"/>
        <rFont val="標楷體"/>
        <family val="4"/>
        <charset val="136"/>
      </rPr>
      <t>年</t>
    </r>
    <r>
      <rPr>
        <sz val="12"/>
        <color rgb="FF000000"/>
        <rFont val="Times New Roman"/>
        <family val="1"/>
      </rPr>
      <t>1</t>
    </r>
    <r>
      <rPr>
        <sz val="12"/>
        <color rgb="FF000000"/>
        <rFont val="標楷體"/>
        <family val="4"/>
        <charset val="136"/>
      </rPr>
      <t>月</t>
    </r>
    <r>
      <rPr>
        <sz val="12"/>
        <color rgb="FF000000"/>
        <rFont val="Times New Roman"/>
        <family val="1"/>
      </rPr>
      <t>26</t>
    </r>
    <r>
      <rPr>
        <sz val="12"/>
        <color rgb="FF000000"/>
        <rFont val="標楷體"/>
        <family val="4"/>
        <charset val="136"/>
      </rPr>
      <t>日金管保財字第</t>
    </r>
    <r>
      <rPr>
        <sz val="12"/>
        <color rgb="FF000000"/>
        <rFont val="Times New Roman"/>
        <family val="1"/>
      </rPr>
      <t>10502501262</t>
    </r>
    <r>
      <rPr>
        <sz val="12"/>
        <color rgb="FF000000"/>
        <rFont val="標楷體"/>
        <family val="4"/>
        <charset val="136"/>
      </rPr>
      <t>號函</t>
    </r>
    <r>
      <rPr>
        <sz val="12"/>
        <color rgb="FF000000"/>
        <rFont val="Times New Roman"/>
        <family val="1"/>
      </rPr>
      <t>)</t>
    </r>
    <r>
      <rPr>
        <sz val="12"/>
        <color rgb="FF000000"/>
        <rFont val="標楷體"/>
        <family val="4"/>
        <charset val="136"/>
      </rPr>
      <t>提起之訴願及行政訴訟案</t>
    </r>
    <r>
      <rPr>
        <sz val="12"/>
        <color rgb="FF000000"/>
        <rFont val="Times New Roman"/>
        <family val="1"/>
      </rPr>
      <t>(</t>
    </r>
    <r>
      <rPr>
        <sz val="12"/>
        <color rgb="FF000000"/>
        <rFont val="標楷體"/>
        <family val="4"/>
        <charset val="136"/>
      </rPr>
      <t>含訴願人另行向訴願機關或行政法院聲請停止接管處分之答辯</t>
    </r>
    <r>
      <rPr>
        <sz val="12"/>
        <color rgb="FF000000"/>
        <rFont val="Times New Roman"/>
        <family val="1"/>
      </rPr>
      <t>)</t>
    </r>
    <r>
      <rPr>
        <sz val="12"/>
        <color rgb="FF000000"/>
        <rFont val="標楷體"/>
        <family val="4"/>
        <charset val="136"/>
      </rPr>
      <t>之法律服務事務</t>
    </r>
  </si>
  <si>
    <t>105.04.29</t>
  </si>
  <si>
    <t>10510</t>
  </si>
  <si>
    <r>
      <rPr>
        <sz val="12"/>
        <color rgb="FF000000"/>
        <rFont val="標楷體"/>
        <family val="4"/>
        <charset val="136"/>
      </rPr>
      <t>政府財產與責任之天災風險管理效益研究</t>
    </r>
  </si>
  <si>
    <t>105.04.28</t>
  </si>
  <si>
    <r>
      <rPr>
        <sz val="12"/>
        <color rgb="FF000000"/>
        <rFont val="標楷體"/>
        <family val="4"/>
        <charset val="136"/>
      </rPr>
      <t>財團法人保險事業發展中心</t>
    </r>
  </si>
  <si>
    <t>10507</t>
  </si>
  <si>
    <r>
      <t>104</t>
    </r>
    <r>
      <rPr>
        <sz val="12"/>
        <color rgb="FF000000"/>
        <rFont val="標楷體"/>
        <family val="4"/>
        <charset val="136"/>
      </rPr>
      <t>年度壽險業精算簽證報告及複核報告覆閱委託代辦案</t>
    </r>
  </si>
  <si>
    <t>10508</t>
  </si>
  <si>
    <r>
      <t>104</t>
    </r>
    <r>
      <rPr>
        <sz val="12"/>
        <color rgb="FF000000"/>
        <rFont val="標楷體"/>
        <family val="4"/>
        <charset val="136"/>
      </rPr>
      <t>年度產險業精算簽證報告覆閱委託代辦案</t>
    </r>
  </si>
  <si>
    <t>105.03.30</t>
  </si>
  <si>
    <r>
      <rPr>
        <sz val="12"/>
        <color rgb="FF000000"/>
        <rFont val="標楷體"/>
        <family val="4"/>
        <charset val="136"/>
      </rPr>
      <t>逢甲大學</t>
    </r>
  </si>
  <si>
    <t>10504</t>
  </si>
  <si>
    <r>
      <t>105</t>
    </r>
    <r>
      <rPr>
        <sz val="12"/>
        <color rgb="FF000000"/>
        <rFont val="標楷體"/>
        <family val="4"/>
        <charset val="136"/>
      </rPr>
      <t>年度資料庫個人資料存取監控稽核系統維護案</t>
    </r>
  </si>
  <si>
    <t>105.03.28</t>
  </si>
  <si>
    <r>
      <rPr>
        <sz val="12"/>
        <color rgb="FF000000"/>
        <rFont val="標楷體"/>
        <family val="4"/>
        <charset val="136"/>
      </rPr>
      <t>宏碁股份有限公司</t>
    </r>
  </si>
  <si>
    <t>10502</t>
  </si>
  <si>
    <r>
      <t>105</t>
    </r>
    <r>
      <rPr>
        <sz val="12"/>
        <color rgb="FF000000"/>
        <rFont val="標楷體"/>
        <family val="4"/>
        <charset val="136"/>
      </rPr>
      <t>年度公文檔案影像掃描及編目建檔委外案</t>
    </r>
  </si>
  <si>
    <r>
      <rPr>
        <sz val="12"/>
        <color rgb="FF000000"/>
        <rFont val="標楷體"/>
        <family val="4"/>
        <charset val="136"/>
      </rPr>
      <t>虹稷國際有限公司</t>
    </r>
  </si>
  <si>
    <t>10503</t>
  </si>
  <si>
    <r>
      <t>104</t>
    </r>
    <r>
      <rPr>
        <sz val="12"/>
        <color rgb="FF000000"/>
        <rFont val="標楷體"/>
        <family val="4"/>
        <charset val="136"/>
      </rPr>
      <t>年度壽險業保險合約負債公允價值評估覆閱委託代辦案</t>
    </r>
  </si>
  <si>
    <t>105.03.15</t>
  </si>
  <si>
    <t>10501</t>
  </si>
  <si>
    <r>
      <t>105</t>
    </r>
    <r>
      <rPr>
        <sz val="12"/>
        <color rgb="FF000000"/>
        <rFont val="標楷體"/>
        <family val="4"/>
        <charset val="136"/>
      </rPr>
      <t>年度報紙訂購及派送案採購案</t>
    </r>
  </si>
  <si>
    <t>105.02.01</t>
  </si>
  <si>
    <r>
      <rPr>
        <sz val="12"/>
        <color rgb="FF000000"/>
        <rFont val="標楷體"/>
        <family val="4"/>
        <charset val="136"/>
      </rPr>
      <t>翔龍書報社</t>
    </r>
  </si>
  <si>
    <t>10429</t>
  </si>
  <si>
    <r>
      <t>105</t>
    </r>
    <r>
      <rPr>
        <sz val="12"/>
        <color rgb="FF000000"/>
        <rFont val="標楷體"/>
        <family val="4"/>
        <charset val="136"/>
      </rPr>
      <t>年度保險輔助人管理系統維護服務採購案</t>
    </r>
  </si>
  <si>
    <t>105.01.27</t>
  </si>
  <si>
    <r>
      <rPr>
        <sz val="12"/>
        <color rgb="FF000000"/>
        <rFont val="標楷體"/>
        <family val="4"/>
        <charset val="136"/>
      </rPr>
      <t>碩遠科技有限公司</t>
    </r>
  </si>
  <si>
    <t>10631</t>
  </si>
  <si>
    <t>105.01.22</t>
  </si>
  <si>
    <t>10423</t>
  </si>
  <si>
    <r>
      <t>105</t>
    </r>
    <r>
      <rPr>
        <sz val="12"/>
        <color rgb="FF000000"/>
        <rFont val="標楷體"/>
        <family val="4"/>
        <charset val="136"/>
      </rPr>
      <t>年度事務人員及文書工作勞務採購案</t>
    </r>
  </si>
  <si>
    <t>105.01.08</t>
  </si>
  <si>
    <t>10404</t>
  </si>
  <si>
    <r>
      <rPr>
        <sz val="12"/>
        <color rgb="FF000000"/>
        <rFont val="標楷體"/>
        <family val="4"/>
        <charset val="136"/>
      </rPr>
      <t>處理葉</t>
    </r>
    <r>
      <rPr>
        <sz val="12"/>
        <color rgb="FF000000"/>
        <rFont val="Times New Roman"/>
        <family val="1"/>
      </rPr>
      <t>oo</t>
    </r>
    <r>
      <rPr>
        <sz val="12"/>
        <color rgb="FF000000"/>
        <rFont val="標楷體"/>
        <family val="4"/>
        <charset val="136"/>
      </rPr>
      <t>及蔡</t>
    </r>
    <r>
      <rPr>
        <sz val="12"/>
        <color rgb="FF000000"/>
        <rFont val="Times New Roman"/>
        <family val="1"/>
      </rPr>
      <t>oo</t>
    </r>
    <r>
      <rPr>
        <sz val="12"/>
        <color rgb="FF000000"/>
        <rFont val="標楷體"/>
        <family val="4"/>
        <charset val="136"/>
      </rPr>
      <t>因不服撤換負責人處分（本會</t>
    </r>
    <r>
      <rPr>
        <sz val="12"/>
        <color rgb="FF000000"/>
        <rFont val="Times New Roman"/>
        <family val="1"/>
      </rPr>
      <t>103</t>
    </r>
    <r>
      <rPr>
        <sz val="12"/>
        <color rgb="FF000000"/>
        <rFont val="標楷體"/>
        <family val="4"/>
        <charset val="136"/>
      </rPr>
      <t>年</t>
    </r>
    <r>
      <rPr>
        <sz val="12"/>
        <color rgb="FF000000"/>
        <rFont val="Times New Roman"/>
        <family val="1"/>
      </rPr>
      <t>12</t>
    </r>
    <r>
      <rPr>
        <sz val="12"/>
        <color rgb="FF000000"/>
        <rFont val="標楷體"/>
        <family val="4"/>
        <charset val="136"/>
      </rPr>
      <t>月</t>
    </r>
    <r>
      <rPr>
        <sz val="12"/>
        <color rgb="FF000000"/>
        <rFont val="Times New Roman"/>
        <family val="1"/>
      </rPr>
      <t>31</t>
    </r>
    <r>
      <rPr>
        <sz val="12"/>
        <color rgb="FF000000"/>
        <rFont val="標楷體"/>
        <family val="4"/>
        <charset val="136"/>
      </rPr>
      <t>日金管保財字第</t>
    </r>
    <r>
      <rPr>
        <sz val="12"/>
        <color rgb="FF000000"/>
        <rFont val="Times New Roman"/>
        <family val="1"/>
      </rPr>
      <t>10302511532</t>
    </r>
    <r>
      <rPr>
        <sz val="12"/>
        <color rgb="FF000000"/>
        <rFont val="標楷體"/>
        <family val="4"/>
        <charset val="136"/>
      </rPr>
      <t>號裁處書）所提起之訴願及行政訴訟案之法律服務事務案</t>
    </r>
  </si>
  <si>
    <t>104.4.27</t>
  </si>
  <si>
    <t>10430</t>
  </si>
  <si>
    <r>
      <t>105</t>
    </r>
    <r>
      <rPr>
        <sz val="12"/>
        <color rgb="FF000000"/>
        <rFont val="標楷體"/>
        <family val="4"/>
        <charset val="136"/>
      </rPr>
      <t>年度保險業公開資訊觀測站系統維護服務案</t>
    </r>
  </si>
  <si>
    <t>104.12.31</t>
  </si>
  <si>
    <r>
      <rPr>
        <sz val="12"/>
        <color rgb="FF000000"/>
        <rFont val="標楷體"/>
        <family val="4"/>
        <charset val="136"/>
      </rPr>
      <t>台灣國際商業機器股份有限公司</t>
    </r>
  </si>
  <si>
    <t>10426</t>
  </si>
  <si>
    <r>
      <rPr>
        <sz val="12"/>
        <color rgb="FF000000"/>
        <rFont val="標楷體"/>
        <family val="4"/>
        <charset val="136"/>
      </rPr>
      <t>本局「服務管理系統設備維護案」</t>
    </r>
  </si>
  <si>
    <t>104.12.29</t>
  </si>
  <si>
    <t>10422</t>
  </si>
  <si>
    <r>
      <t>RBC</t>
    </r>
    <r>
      <rPr>
        <sz val="12"/>
        <color rgb="FF000000"/>
        <rFont val="標楷體"/>
        <family val="4"/>
        <charset val="136"/>
      </rPr>
      <t>制度所需資料庫系統軟體資料庫暨使用採購</t>
    </r>
  </si>
  <si>
    <t>10427A</t>
  </si>
  <si>
    <r>
      <t>105</t>
    </r>
    <r>
      <rPr>
        <sz val="12"/>
        <color rgb="FF000000"/>
        <rFont val="標楷體"/>
        <family val="4"/>
        <charset val="136"/>
      </rPr>
      <t>年度保險業通報作業資訊系統軟硬體維護採購案</t>
    </r>
  </si>
  <si>
    <t>104.12.28</t>
  </si>
  <si>
    <r>
      <rPr>
        <sz val="12"/>
        <color rgb="FF000000"/>
        <rFont val="標楷體"/>
        <family val="4"/>
        <charset val="136"/>
      </rPr>
      <t>鴻名企業有限公司</t>
    </r>
  </si>
  <si>
    <t>10425</t>
  </si>
  <si>
    <r>
      <t>2016</t>
    </r>
    <r>
      <rPr>
        <sz val="12"/>
        <color rgb="FF000000"/>
        <rFont val="標楷體"/>
        <family val="4"/>
        <charset val="136"/>
      </rPr>
      <t>年亞洲保險監理官論壇</t>
    </r>
    <r>
      <rPr>
        <sz val="12"/>
        <color rgb="FF000000"/>
        <rFont val="Times New Roman"/>
        <family val="1"/>
      </rPr>
      <t>(AFIR)</t>
    </r>
    <r>
      <rPr>
        <sz val="12"/>
        <color rgb="FF000000"/>
        <rFont val="標楷體"/>
        <family val="4"/>
        <charset val="136"/>
      </rPr>
      <t>委辦案</t>
    </r>
  </si>
  <si>
    <t>104.12.15</t>
  </si>
  <si>
    <r>
      <rPr>
        <sz val="12"/>
        <color rgb="FF000000"/>
        <rFont val="標楷體"/>
        <family val="4"/>
        <charset val="136"/>
      </rPr>
      <t>一欣國際有限公司</t>
    </r>
  </si>
  <si>
    <t>10420</t>
  </si>
  <si>
    <t>104年度交換器2台汰換案</t>
  </si>
  <si>
    <t>104.12.04</t>
  </si>
  <si>
    <t>中孚科技股份有限公司</t>
  </si>
  <si>
    <t>10421A</t>
  </si>
  <si>
    <t>105年度進用業務專員、會計人員及試務人員各1名</t>
  </si>
  <si>
    <t>104.11.12</t>
  </si>
  <si>
    <t>益三元國際有限公司</t>
  </si>
  <si>
    <t>10419</t>
  </si>
  <si>
    <r>
      <rPr>
        <sz val="12"/>
        <color rgb="FF000000"/>
        <rFont val="標楷體"/>
        <family val="4"/>
        <charset val="136"/>
      </rPr>
      <t>兩岸保險監理合作平臺會議相關勞務採購</t>
    </r>
  </si>
  <si>
    <t>104.10.22</t>
  </si>
  <si>
    <t>雄獅旅行社股份有限公司板橋分公司</t>
  </si>
  <si>
    <t>10417</t>
  </si>
  <si>
    <r>
      <t>A4</t>
    </r>
    <r>
      <rPr>
        <sz val="12"/>
        <color rgb="FF000000"/>
        <rFont val="標楷體"/>
        <family val="4"/>
        <charset val="136"/>
      </rPr>
      <t>再生影印紙採購案</t>
    </r>
  </si>
  <si>
    <t>104.10.20</t>
  </si>
  <si>
    <t xml:space="preserve"> 皓晟實業股份有限公司</t>
  </si>
  <si>
    <t>10416</t>
  </si>
  <si>
    <r>
      <rPr>
        <sz val="12"/>
        <color rgb="FF000000"/>
        <rFont val="標楷體"/>
        <family val="4"/>
        <charset val="136"/>
      </rPr>
      <t>編輯印製「保險法及相關法規」</t>
    </r>
  </si>
  <si>
    <t>104.09.08</t>
  </si>
  <si>
    <t>上校基業有限公司</t>
  </si>
  <si>
    <t>10411</t>
  </si>
  <si>
    <r>
      <rPr>
        <sz val="12"/>
        <color rgb="FF000000"/>
        <rFont val="標楷體"/>
        <family val="4"/>
        <charset val="136"/>
      </rPr>
      <t>「</t>
    </r>
    <r>
      <rPr>
        <sz val="12"/>
        <color rgb="FF000000"/>
        <rFont val="Times New Roman"/>
        <family val="1"/>
      </rPr>
      <t>104</t>
    </r>
    <r>
      <rPr>
        <sz val="12"/>
        <color rgb="FF000000"/>
        <rFont val="標楷體"/>
        <family val="4"/>
        <charset val="136"/>
      </rPr>
      <t>年度風險管理及保險教育資料庫網站改版計畫案」</t>
    </r>
  </si>
  <si>
    <t>104.09.03</t>
  </si>
  <si>
    <t>10415</t>
  </si>
  <si>
    <r>
      <t>104</t>
    </r>
    <r>
      <rPr>
        <sz val="12"/>
        <color rgb="FF000000"/>
        <rFont val="標楷體"/>
        <family val="4"/>
        <charset val="136"/>
      </rPr>
      <t>年度新店北宜路檔案庫房結構補強及整修工程採購案</t>
    </r>
  </si>
  <si>
    <t>104.08.27</t>
  </si>
  <si>
    <r>
      <rPr>
        <sz val="12"/>
        <color rgb="FF000000"/>
        <rFont val="標楷體"/>
        <family val="4"/>
        <charset val="136"/>
      </rPr>
      <t>瑞裕土木包工業</t>
    </r>
  </si>
  <si>
    <t>10413</t>
  </si>
  <si>
    <r>
      <rPr>
        <sz val="12"/>
        <color rgb="FF000000"/>
        <rFont val="標楷體"/>
        <family val="4"/>
        <charset val="136"/>
      </rPr>
      <t>處理李</t>
    </r>
    <r>
      <rPr>
        <sz val="12"/>
        <color rgb="FF000000"/>
        <rFont val="Times New Roman"/>
        <family val="1"/>
      </rPr>
      <t>oo</t>
    </r>
    <r>
      <rPr>
        <sz val="12"/>
        <color rgb="FF000000"/>
        <rFont val="標楷體"/>
        <family val="4"/>
        <charset val="136"/>
      </rPr>
      <t>因不服限制財產移轉、交付或設定他項權利或限制出境之處分</t>
    </r>
    <r>
      <rPr>
        <sz val="12"/>
        <color rgb="FF000000"/>
        <rFont val="Times New Roman"/>
        <family val="1"/>
      </rPr>
      <t>(</t>
    </r>
    <r>
      <rPr>
        <sz val="12"/>
        <color rgb="FF000000"/>
        <rFont val="標楷體"/>
        <family val="4"/>
        <charset val="136"/>
      </rPr>
      <t>本會</t>
    </r>
    <r>
      <rPr>
        <sz val="12"/>
        <color rgb="FF000000"/>
        <rFont val="Times New Roman"/>
        <family val="1"/>
      </rPr>
      <t>104</t>
    </r>
    <r>
      <rPr>
        <sz val="12"/>
        <color rgb="FF000000"/>
        <rFont val="標楷體"/>
        <family val="4"/>
        <charset val="136"/>
      </rPr>
      <t>年</t>
    </r>
    <r>
      <rPr>
        <sz val="12"/>
        <color rgb="FF000000"/>
        <rFont val="Times New Roman"/>
        <family val="1"/>
      </rPr>
      <t>5</t>
    </r>
    <r>
      <rPr>
        <sz val="12"/>
        <color rgb="FF000000"/>
        <rFont val="標楷體"/>
        <family val="4"/>
        <charset val="136"/>
      </rPr>
      <t>月</t>
    </r>
    <r>
      <rPr>
        <sz val="12"/>
        <color rgb="FF000000"/>
        <rFont val="Times New Roman"/>
        <family val="1"/>
      </rPr>
      <t>8</t>
    </r>
    <r>
      <rPr>
        <sz val="12"/>
        <color rgb="FF000000"/>
        <rFont val="標楷體"/>
        <family val="4"/>
        <charset val="136"/>
      </rPr>
      <t>日金管保財字第</t>
    </r>
    <r>
      <rPr>
        <sz val="12"/>
        <color rgb="FF000000"/>
        <rFont val="Times New Roman"/>
        <family val="1"/>
      </rPr>
      <t>10402503102</t>
    </r>
    <r>
      <rPr>
        <sz val="12"/>
        <color rgb="FF000000"/>
        <rFont val="標楷體"/>
        <family val="4"/>
        <charset val="136"/>
      </rPr>
      <t>號裁處書</t>
    </r>
    <r>
      <rPr>
        <sz val="12"/>
        <color rgb="FF000000"/>
        <rFont val="Times New Roman"/>
        <family val="1"/>
      </rPr>
      <t>)</t>
    </r>
    <r>
      <rPr>
        <sz val="12"/>
        <color rgb="FF000000"/>
        <rFont val="標楷體"/>
        <family val="4"/>
        <charset val="136"/>
      </rPr>
      <t>所提起之訴願及行政訴訟案之法律服務事務</t>
    </r>
  </si>
  <si>
    <t>104.07.31</t>
  </si>
  <si>
    <t>10414</t>
  </si>
  <si>
    <r>
      <t>104</t>
    </r>
    <r>
      <rPr>
        <sz val="12"/>
        <color rgb="FF000000"/>
        <rFont val="標楷體"/>
        <family val="4"/>
        <charset val="136"/>
      </rPr>
      <t>年度高齡化、微型保險暨各類保險宣導活動</t>
    </r>
    <r>
      <rPr>
        <sz val="12"/>
        <color rgb="FF000000"/>
        <rFont val="Times New Roman"/>
        <family val="1"/>
      </rPr>
      <t>-</t>
    </r>
    <r>
      <rPr>
        <sz val="12"/>
        <color rgb="FF000000"/>
        <rFont val="標楷體"/>
        <family val="4"/>
        <charset val="136"/>
      </rPr>
      <t>公益路跑暨園遊會」委辦案</t>
    </r>
  </si>
  <si>
    <t>104.07.29</t>
  </si>
  <si>
    <t>10408</t>
  </si>
  <si>
    <r>
      <rPr>
        <sz val="12"/>
        <color rgb="FF000000"/>
        <rFont val="標楷體"/>
        <family val="4"/>
        <charset val="136"/>
      </rPr>
      <t>「</t>
    </r>
    <r>
      <rPr>
        <sz val="12"/>
        <color rgb="FF000000"/>
        <rFont val="Times New Roman"/>
        <family val="1"/>
      </rPr>
      <t>104</t>
    </r>
    <r>
      <rPr>
        <sz val="12"/>
        <color rgb="FF000000"/>
        <rFont val="標楷體"/>
        <family val="4"/>
        <charset val="136"/>
      </rPr>
      <t>年度金融基礎教育推廣合作計畫」委辦案</t>
    </r>
  </si>
  <si>
    <t>104.07.27</t>
  </si>
  <si>
    <t>10412A</t>
  </si>
  <si>
    <r>
      <t>10412A-</t>
    </r>
    <r>
      <rPr>
        <sz val="12"/>
        <color rgb="FF000000"/>
        <rFont val="標楷體"/>
        <family val="4"/>
        <charset val="136"/>
      </rPr>
      <t>「</t>
    </r>
    <r>
      <rPr>
        <sz val="12"/>
        <color rgb="FF000000"/>
        <rFont val="Times New Roman"/>
        <family val="1"/>
      </rPr>
      <t>104</t>
    </r>
    <r>
      <rPr>
        <sz val="12"/>
        <color rgb="FF000000"/>
        <rFont val="標楷體"/>
        <family val="4"/>
        <charset val="136"/>
      </rPr>
      <t>年度長期照護及公共意外責任保險商品整合推廣計畫」委辦案</t>
    </r>
    <r>
      <rPr>
        <sz val="12"/>
        <color rgb="FF000000"/>
        <rFont val="Times New Roman"/>
        <family val="1"/>
      </rPr>
      <t>(</t>
    </r>
    <r>
      <rPr>
        <sz val="12"/>
        <color rgb="FF000000"/>
        <rFont val="標楷體"/>
        <family val="4"/>
        <charset val="136"/>
      </rPr>
      <t>保發基金</t>
    </r>
    <r>
      <rPr>
        <sz val="12"/>
        <color rgb="FF000000"/>
        <rFont val="Times New Roman"/>
        <family val="1"/>
      </rPr>
      <t>)</t>
    </r>
  </si>
  <si>
    <t>104.07.13</t>
  </si>
  <si>
    <t>群策公關顧問有限公司</t>
  </si>
  <si>
    <t>10409A</t>
  </si>
  <si>
    <r>
      <rPr>
        <sz val="12"/>
        <color rgb="FF000000"/>
        <rFont val="標楷體"/>
        <family val="4"/>
        <charset val="136"/>
      </rPr>
      <t>「</t>
    </r>
    <r>
      <rPr>
        <sz val="12"/>
        <color rgb="FF000000"/>
        <rFont val="Times New Roman"/>
        <family val="1"/>
      </rPr>
      <t>104</t>
    </r>
    <r>
      <rPr>
        <sz val="12"/>
        <color rgb="FF000000"/>
        <rFont val="標楷體"/>
        <family val="4"/>
        <charset val="136"/>
      </rPr>
      <t>年度保險教育主題電視節目宣導計畫」委辦案（保發基金）</t>
    </r>
  </si>
  <si>
    <t>104.06.29</t>
  </si>
  <si>
    <r>
      <rPr>
        <sz val="12"/>
        <color rgb="FF000000"/>
        <rFont val="標楷體"/>
        <family val="4"/>
        <charset val="136"/>
      </rPr>
      <t>中華電視股份有限公司</t>
    </r>
  </si>
  <si>
    <t>10410</t>
  </si>
  <si>
    <r>
      <rPr>
        <sz val="12"/>
        <color rgb="FF000000"/>
        <rFont val="標楷體"/>
        <family val="4"/>
        <charset val="136"/>
      </rPr>
      <t>「</t>
    </r>
    <r>
      <rPr>
        <sz val="12"/>
        <color rgb="FF000000"/>
        <rFont val="Times New Roman"/>
        <family val="1"/>
      </rPr>
      <t>104</t>
    </r>
    <r>
      <rPr>
        <sz val="12"/>
        <color rgb="FF000000"/>
        <rFont val="標楷體"/>
        <family val="4"/>
        <charset val="136"/>
      </rPr>
      <t>年度風險管理與保險資料庫網站改版計畫」委辦案</t>
    </r>
  </si>
  <si>
    <t>104.05.26</t>
  </si>
  <si>
    <t>10407</t>
  </si>
  <si>
    <r>
      <rPr>
        <sz val="12"/>
        <color rgb="FF000000"/>
        <rFont val="標楷體"/>
        <family val="4"/>
        <charset val="136"/>
      </rPr>
      <t>辦理「處理陳</t>
    </r>
    <r>
      <rPr>
        <sz val="12"/>
        <color rgb="FF000000"/>
        <rFont val="Times New Roman"/>
        <family val="1"/>
      </rPr>
      <t>oo</t>
    </r>
    <r>
      <rPr>
        <sz val="12"/>
        <color rgb="FF000000"/>
        <rFont val="標楷體"/>
        <family val="4"/>
        <charset val="136"/>
      </rPr>
      <t>、鄧</t>
    </r>
    <r>
      <rPr>
        <sz val="12"/>
        <color rgb="FF000000"/>
        <rFont val="Times New Roman"/>
        <family val="1"/>
      </rPr>
      <t>oo</t>
    </r>
    <r>
      <rPr>
        <sz val="12"/>
        <color rgb="FF000000"/>
        <rFont val="標楷體"/>
        <family val="4"/>
        <charset val="136"/>
      </rPr>
      <t>、李</t>
    </r>
    <r>
      <rPr>
        <sz val="12"/>
        <color rgb="FF000000"/>
        <rFont val="Times New Roman"/>
        <family val="1"/>
      </rPr>
      <t>oo</t>
    </r>
    <r>
      <rPr>
        <sz val="12"/>
        <color rgb="FF000000"/>
        <rFont val="標楷體"/>
        <family val="4"/>
        <charset val="136"/>
      </rPr>
      <t>、杜</t>
    </r>
    <r>
      <rPr>
        <sz val="12"/>
        <color rgb="FF000000"/>
        <rFont val="Times New Roman"/>
        <family val="1"/>
      </rPr>
      <t>oo</t>
    </r>
    <r>
      <rPr>
        <sz val="12"/>
        <color rgb="FF000000"/>
        <rFont val="標楷體"/>
        <family val="4"/>
        <charset val="136"/>
      </rPr>
      <t>、潘</t>
    </r>
    <r>
      <rPr>
        <sz val="12"/>
        <color rgb="FF000000"/>
        <rFont val="Times New Roman"/>
        <family val="1"/>
      </rPr>
      <t>oo</t>
    </r>
    <r>
      <rPr>
        <sz val="12"/>
        <color rgb="FF000000"/>
        <rFont val="標楷體"/>
        <family val="4"/>
        <charset val="136"/>
      </rPr>
      <t>、安</t>
    </r>
    <r>
      <rPr>
        <sz val="12"/>
        <color rgb="FF000000"/>
        <rFont val="Times New Roman"/>
        <family val="1"/>
      </rPr>
      <t>oo</t>
    </r>
    <r>
      <rPr>
        <sz val="12"/>
        <color rgb="FF000000"/>
        <rFont val="標楷體"/>
        <family val="4"/>
        <charset val="136"/>
      </rPr>
      <t>及王</t>
    </r>
    <r>
      <rPr>
        <sz val="12"/>
        <color rgb="FF000000"/>
        <rFont val="Times New Roman"/>
        <family val="1"/>
      </rPr>
      <t>oo</t>
    </r>
    <r>
      <rPr>
        <sz val="12"/>
        <color rgb="FF000000"/>
        <rFont val="標楷體"/>
        <family val="4"/>
        <charset val="136"/>
      </rPr>
      <t>等</t>
    </r>
    <r>
      <rPr>
        <sz val="12"/>
        <color rgb="FF000000"/>
        <rFont val="Times New Roman"/>
        <family val="1"/>
      </rPr>
      <t>7</t>
    </r>
    <r>
      <rPr>
        <sz val="12"/>
        <color rgb="FF000000"/>
        <rFont val="標楷體"/>
        <family val="4"/>
        <charset val="136"/>
      </rPr>
      <t>人不服限制財產移轉、交付或設定他項權利或限制出境之處分</t>
    </r>
    <r>
      <rPr>
        <sz val="12"/>
        <color rgb="FF000000"/>
        <rFont val="Times New Roman"/>
        <family val="1"/>
      </rPr>
      <t>(</t>
    </r>
    <r>
      <rPr>
        <sz val="12"/>
        <color rgb="FF000000"/>
        <rFont val="標楷體"/>
        <family val="4"/>
        <charset val="136"/>
      </rPr>
      <t>本會</t>
    </r>
    <r>
      <rPr>
        <sz val="12"/>
        <color rgb="FF000000"/>
        <rFont val="Times New Roman"/>
        <family val="1"/>
      </rPr>
      <t>104</t>
    </r>
    <r>
      <rPr>
        <sz val="12"/>
        <color rgb="FF000000"/>
        <rFont val="標楷體"/>
        <family val="4"/>
        <charset val="136"/>
      </rPr>
      <t>年</t>
    </r>
    <r>
      <rPr>
        <sz val="12"/>
        <color rgb="FF000000"/>
        <rFont val="Times New Roman"/>
        <family val="1"/>
      </rPr>
      <t>2</t>
    </r>
    <r>
      <rPr>
        <sz val="12"/>
        <color rgb="FF000000"/>
        <rFont val="標楷體"/>
        <family val="4"/>
        <charset val="136"/>
      </rPr>
      <t>月</t>
    </r>
    <r>
      <rPr>
        <sz val="12"/>
        <color rgb="FF000000"/>
        <rFont val="Times New Roman"/>
        <family val="1"/>
      </rPr>
      <t>10</t>
    </r>
    <r>
      <rPr>
        <sz val="12"/>
        <color rgb="FF000000"/>
        <rFont val="標楷體"/>
        <family val="4"/>
        <charset val="136"/>
      </rPr>
      <t>日金管保材字第</t>
    </r>
    <r>
      <rPr>
        <sz val="12"/>
        <color rgb="FF000000"/>
        <rFont val="Times New Roman"/>
        <family val="1"/>
      </rPr>
      <t>10402501253</t>
    </r>
    <r>
      <rPr>
        <sz val="12"/>
        <color rgb="FF000000"/>
        <rFont val="標楷體"/>
        <family val="4"/>
        <charset val="136"/>
      </rPr>
      <t>號、第</t>
    </r>
    <r>
      <rPr>
        <sz val="12"/>
        <color rgb="FF000000"/>
        <rFont val="Times New Roman"/>
        <family val="1"/>
      </rPr>
      <t>10402501255</t>
    </r>
    <r>
      <rPr>
        <sz val="12"/>
        <color rgb="FF000000"/>
        <rFont val="標楷體"/>
        <family val="4"/>
        <charset val="136"/>
      </rPr>
      <t>號、第</t>
    </r>
    <r>
      <rPr>
        <sz val="12"/>
        <color rgb="FF000000"/>
        <rFont val="Times New Roman"/>
        <family val="1"/>
      </rPr>
      <t>10402501256</t>
    </r>
    <r>
      <rPr>
        <sz val="12"/>
        <color rgb="FF000000"/>
        <rFont val="標楷體"/>
        <family val="4"/>
        <charset val="136"/>
      </rPr>
      <t>號、</t>
    </r>
    <r>
      <rPr>
        <sz val="12"/>
        <color rgb="FF000000"/>
        <rFont val="Times New Roman"/>
        <family val="1"/>
      </rPr>
      <t>10402501257</t>
    </r>
    <r>
      <rPr>
        <sz val="12"/>
        <color rgb="FF000000"/>
        <rFont val="標楷體"/>
        <family val="4"/>
        <charset val="136"/>
      </rPr>
      <t>號裁處書，及本會</t>
    </r>
    <r>
      <rPr>
        <sz val="12"/>
        <color rgb="FF000000"/>
        <rFont val="Times New Roman"/>
        <family val="1"/>
      </rPr>
      <t>104</t>
    </r>
    <r>
      <rPr>
        <sz val="12"/>
        <color rgb="FF000000"/>
        <rFont val="標楷體"/>
        <family val="4"/>
        <charset val="136"/>
      </rPr>
      <t>年</t>
    </r>
    <r>
      <rPr>
        <sz val="12"/>
        <color rgb="FF000000"/>
        <rFont val="Times New Roman"/>
        <family val="1"/>
      </rPr>
      <t>2</t>
    </r>
    <r>
      <rPr>
        <sz val="12"/>
        <color rgb="FF000000"/>
        <rFont val="標楷體"/>
        <family val="4"/>
        <charset val="136"/>
      </rPr>
      <t>月</t>
    </r>
    <r>
      <rPr>
        <sz val="12"/>
        <color rgb="FF000000"/>
        <rFont val="Times New Roman"/>
        <family val="1"/>
      </rPr>
      <t>11</t>
    </r>
    <r>
      <rPr>
        <sz val="12"/>
        <color rgb="FF000000"/>
        <rFont val="標楷體"/>
        <family val="4"/>
        <charset val="136"/>
      </rPr>
      <t>日金管保財字第</t>
    </r>
    <r>
      <rPr>
        <sz val="12"/>
        <color rgb="FF000000"/>
        <rFont val="Times New Roman"/>
        <family val="1"/>
      </rPr>
      <t>10402501258</t>
    </r>
    <r>
      <rPr>
        <sz val="12"/>
        <color rgb="FF000000"/>
        <rFont val="標楷體"/>
        <family val="4"/>
        <charset val="136"/>
      </rPr>
      <t>號裁處書</t>
    </r>
    <r>
      <rPr>
        <sz val="12"/>
        <color rgb="FF000000"/>
        <rFont val="Times New Roman"/>
        <family val="1"/>
      </rPr>
      <t>)</t>
    </r>
    <r>
      <rPr>
        <sz val="12"/>
        <color rgb="FF000000"/>
        <rFont val="標楷體"/>
        <family val="4"/>
        <charset val="136"/>
      </rPr>
      <t>所提起之訴願及行政訴訟案之法律服務事務」</t>
    </r>
  </si>
  <si>
    <t>104.05.18</t>
  </si>
  <si>
    <t>10405</t>
  </si>
  <si>
    <r>
      <t>103</t>
    </r>
    <r>
      <rPr>
        <sz val="12"/>
        <color rgb="FF000000"/>
        <rFont val="標楷體"/>
        <family val="4"/>
        <charset val="136"/>
      </rPr>
      <t>年度壽險業精算簽證報告覆閱委託代辦案</t>
    </r>
  </si>
  <si>
    <t>104.04.27</t>
  </si>
  <si>
    <t>10406</t>
  </si>
  <si>
    <r>
      <t>103</t>
    </r>
    <r>
      <rPr>
        <sz val="12"/>
        <color rgb="FF000000"/>
        <rFont val="標楷體"/>
        <family val="4"/>
        <charset val="136"/>
      </rPr>
      <t>年度產險業精算簽證報告覆閱委託代辦案</t>
    </r>
  </si>
  <si>
    <t>104.04.17</t>
  </si>
  <si>
    <t>10403</t>
  </si>
  <si>
    <r>
      <t>103</t>
    </r>
    <r>
      <rPr>
        <sz val="12"/>
        <color rgb="FF000000"/>
        <rFont val="標楷體"/>
        <family val="4"/>
        <charset val="136"/>
      </rPr>
      <t>年度壽險業保險合約負債公允價值評估覆閱委託代辦案</t>
    </r>
  </si>
  <si>
    <t>104.03.24</t>
  </si>
  <si>
    <t>10402</t>
  </si>
  <si>
    <r>
      <t>104</t>
    </r>
    <r>
      <rPr>
        <sz val="12"/>
        <color rgb="FF000000"/>
        <rFont val="標楷體"/>
        <family val="4"/>
        <charset val="136"/>
      </rPr>
      <t>年度公文影像掃描及編目建檔委外案</t>
    </r>
  </si>
  <si>
    <r>
      <rPr>
        <sz val="12"/>
        <color rgb="FF000000"/>
        <rFont val="標楷體"/>
        <family val="4"/>
        <charset val="136"/>
      </rPr>
      <t>華雋線上科技股份有限公司</t>
    </r>
  </si>
  <si>
    <t>10401</t>
  </si>
  <si>
    <r>
      <t>104</t>
    </r>
    <r>
      <rPr>
        <sz val="12"/>
        <color rgb="FF000000"/>
        <rFont val="標楷體"/>
        <family val="4"/>
        <charset val="136"/>
      </rPr>
      <t>年度保險輔助人管理系統維護</t>
    </r>
  </si>
  <si>
    <t>104.02.02</t>
  </si>
  <si>
    <t>10335</t>
  </si>
  <si>
    <r>
      <rPr>
        <sz val="12"/>
        <color rgb="FF000000"/>
        <rFont val="標楷體"/>
        <family val="4"/>
        <charset val="136"/>
      </rPr>
      <t>保險商品監理資訊系統維護委外案</t>
    </r>
  </si>
  <si>
    <t>104.01.21</t>
  </si>
  <si>
    <t>10530</t>
  </si>
  <si>
    <t>104.01.12</t>
  </si>
  <si>
    <t>10337A</t>
  </si>
  <si>
    <r>
      <t>104</t>
    </r>
    <r>
      <rPr>
        <sz val="12"/>
        <color rgb="FF000000"/>
        <rFont val="標楷體"/>
        <family val="4"/>
        <charset val="136"/>
      </rPr>
      <t>年度保險業通報作業資訊系統軟硬體維護採購案</t>
    </r>
  </si>
  <si>
    <t>103.12.30</t>
  </si>
  <si>
    <t>10336</t>
  </si>
  <si>
    <r>
      <rPr>
        <sz val="12"/>
        <color rgb="FF000000"/>
        <rFont val="標楷體"/>
        <family val="4"/>
        <charset val="136"/>
      </rPr>
      <t>國際財務報導準則第四號</t>
    </r>
    <r>
      <rPr>
        <sz val="12"/>
        <color rgb="FF000000"/>
        <rFont val="Times New Roman"/>
        <family val="1"/>
      </rPr>
      <t>(IFRS 4)-</t>
    </r>
    <r>
      <rPr>
        <sz val="12"/>
        <color rgb="FF000000"/>
        <rFont val="標楷體"/>
        <family val="4"/>
        <charset val="136"/>
      </rPr>
      <t>保險合約會計第二階段</t>
    </r>
    <r>
      <rPr>
        <sz val="12"/>
        <color rgb="FF000000"/>
        <rFont val="Times New Roman"/>
        <family val="1"/>
      </rPr>
      <t>(Phase II)</t>
    </r>
    <r>
      <rPr>
        <sz val="12"/>
        <color rgb="FF000000"/>
        <rFont val="標楷體"/>
        <family val="4"/>
        <charset val="136"/>
      </rPr>
      <t>研究案</t>
    </r>
  </si>
  <si>
    <r>
      <rPr>
        <sz val="12"/>
        <color rgb="FF000000"/>
        <rFont val="標楷體"/>
        <family val="4"/>
        <charset val="136"/>
      </rPr>
      <t>安侯建業聯合會計師事務所</t>
    </r>
  </si>
  <si>
    <t>10334</t>
  </si>
  <si>
    <t>10330A</t>
  </si>
  <si>
    <r>
      <t>103</t>
    </r>
    <r>
      <rPr>
        <sz val="12"/>
        <color rgb="FF000000"/>
        <rFont val="標楷體"/>
        <family val="4"/>
        <charset val="136"/>
      </rPr>
      <t>年度加入共用金融監督管理委員會公文線上簽核系統</t>
    </r>
    <r>
      <rPr>
        <sz val="12"/>
        <color rgb="FF000000"/>
        <rFont val="Times New Roman"/>
        <family val="1"/>
      </rPr>
      <t>(</t>
    </r>
    <r>
      <rPr>
        <sz val="12"/>
        <color rgb="FF000000"/>
        <rFont val="標楷體"/>
        <family val="4"/>
        <charset val="136"/>
      </rPr>
      <t>保險局</t>
    </r>
    <r>
      <rPr>
        <sz val="12"/>
        <color rgb="FF000000"/>
        <rFont val="Times New Roman"/>
        <family val="1"/>
      </rPr>
      <t>)</t>
    </r>
    <r>
      <rPr>
        <sz val="12"/>
        <color rgb="FF000000"/>
        <rFont val="標楷體"/>
        <family val="4"/>
        <charset val="136"/>
      </rPr>
      <t>相關程式增修</t>
    </r>
  </si>
  <si>
    <t>103.12.15</t>
  </si>
  <si>
    <r>
      <rPr>
        <sz val="12"/>
        <color rgb="FF000000"/>
        <rFont val="標楷體"/>
        <family val="4"/>
        <charset val="136"/>
      </rPr>
      <t>帝緯系統整合股份有限公司</t>
    </r>
  </si>
  <si>
    <t>10326A</t>
  </si>
  <si>
    <r>
      <rPr>
        <sz val="12"/>
        <color rgb="FF000000"/>
        <rFont val="標楷體"/>
        <family val="4"/>
        <charset val="136"/>
      </rPr>
      <t>進用業務專員及行政專員各</t>
    </r>
    <r>
      <rPr>
        <sz val="12"/>
        <color rgb="FF000000"/>
        <rFont val="Times New Roman"/>
        <family val="1"/>
      </rPr>
      <t>1</t>
    </r>
    <r>
      <rPr>
        <sz val="12"/>
        <color rgb="FF000000"/>
        <rFont val="標楷體"/>
        <family val="4"/>
        <charset val="136"/>
      </rPr>
      <t>名</t>
    </r>
  </si>
  <si>
    <t>103.12.09</t>
  </si>
  <si>
    <r>
      <rPr>
        <sz val="12"/>
        <color rgb="FF000000"/>
        <rFont val="標楷體"/>
        <family val="4"/>
        <charset val="136"/>
      </rPr>
      <t>益三元國際有限公司</t>
    </r>
  </si>
  <si>
    <t>10333</t>
  </si>
  <si>
    <r>
      <rPr>
        <sz val="12"/>
        <color rgb="FF000000"/>
        <rFont val="標楷體"/>
        <family val="4"/>
        <charset val="136"/>
      </rPr>
      <t>「</t>
    </r>
    <r>
      <rPr>
        <sz val="12"/>
        <color rgb="FF000000"/>
        <rFont val="Times New Roman"/>
        <family val="1"/>
      </rPr>
      <t>RBC</t>
    </r>
    <r>
      <rPr>
        <sz val="12"/>
        <color rgb="FF000000"/>
        <rFont val="標楷體"/>
        <family val="4"/>
        <charset val="136"/>
      </rPr>
      <t>制度以</t>
    </r>
    <r>
      <rPr>
        <sz val="12"/>
        <color rgb="FF000000"/>
        <rFont val="Times New Roman"/>
        <family val="1"/>
      </rPr>
      <t>β</t>
    </r>
    <r>
      <rPr>
        <sz val="12"/>
        <color rgb="FF000000"/>
        <rFont val="標楷體"/>
        <family val="4"/>
        <charset val="136"/>
      </rPr>
      <t>值調整係數之方法論所需資料庫系統軟體</t>
    </r>
    <r>
      <rPr>
        <sz val="12"/>
        <color rgb="FF000000"/>
        <rFont val="標楷體"/>
        <family val="4"/>
        <charset val="136"/>
      </rPr>
      <t>」資料庫暨系統使用</t>
    </r>
  </si>
  <si>
    <t xml:space="preserve"> 103.12.09</t>
  </si>
  <si>
    <t>10331</t>
  </si>
  <si>
    <r>
      <rPr>
        <sz val="12"/>
        <color rgb="FF000000"/>
        <rFont val="標楷體"/>
        <family val="4"/>
        <charset val="136"/>
      </rPr>
      <t>業務宣導禮品採購案</t>
    </r>
  </si>
  <si>
    <t>103.12.05</t>
  </si>
  <si>
    <r>
      <rPr>
        <sz val="12"/>
        <color rgb="FF000000"/>
        <rFont val="標楷體"/>
        <family val="4"/>
        <charset val="136"/>
      </rPr>
      <t>法藍瓷股份有限公司</t>
    </r>
  </si>
  <si>
    <t>10332</t>
  </si>
  <si>
    <r>
      <t>104</t>
    </r>
    <r>
      <rPr>
        <sz val="12"/>
        <color rgb="FF000000"/>
        <rFont val="標楷體"/>
        <family val="4"/>
        <charset val="136"/>
      </rPr>
      <t>年度事務人員及文書工作勞務採購案</t>
    </r>
  </si>
  <si>
    <t>103.11.25</t>
  </si>
  <si>
    <r>
      <rPr>
        <sz val="12"/>
        <color rgb="FF000000"/>
        <rFont val="標楷體"/>
        <family val="4"/>
        <charset val="136"/>
      </rPr>
      <t>盛揚興業有限公司</t>
    </r>
  </si>
  <si>
    <t>10329</t>
  </si>
  <si>
    <r>
      <t>104</t>
    </r>
    <r>
      <rPr>
        <sz val="12"/>
        <color rgb="FF000000"/>
        <rFont val="標楷體"/>
        <family val="4"/>
        <charset val="136"/>
      </rPr>
      <t>年度報紙訂購及派送</t>
    </r>
  </si>
  <si>
    <t>103.11.13</t>
  </si>
  <si>
    <t>10328</t>
  </si>
  <si>
    <r>
      <t>103</t>
    </r>
    <r>
      <rPr>
        <sz val="12"/>
        <color rgb="FF000000"/>
        <rFont val="標楷體"/>
        <family val="4"/>
        <charset val="136"/>
      </rPr>
      <t>至</t>
    </r>
    <r>
      <rPr>
        <sz val="12"/>
        <color rgb="FF000000"/>
        <rFont val="Times New Roman"/>
        <family val="1"/>
      </rPr>
      <t>104</t>
    </r>
    <r>
      <rPr>
        <sz val="12"/>
        <color rgb="FF000000"/>
        <rFont val="標楷體"/>
        <family val="4"/>
        <charset val="136"/>
      </rPr>
      <t>年度年度風險管理與保險教育資料庫維護</t>
    </r>
  </si>
  <si>
    <t>103.11.11</t>
  </si>
  <si>
    <t>10325</t>
  </si>
  <si>
    <r>
      <rPr>
        <sz val="12"/>
        <color rgb="FF000000"/>
        <rFont val="標楷體"/>
        <family val="4"/>
        <charset val="136"/>
      </rPr>
      <t>陳○○暨劉○○不服限制其財產移轉、交付或設定他項權利及限制出境之處分（</t>
    </r>
    <r>
      <rPr>
        <sz val="12"/>
        <color rgb="FF000000"/>
        <rFont val="Times New Roman"/>
        <family val="1"/>
      </rPr>
      <t>103</t>
    </r>
    <r>
      <rPr>
        <sz val="12"/>
        <color rgb="FF000000"/>
        <rFont val="標楷體"/>
        <family val="4"/>
        <charset val="136"/>
      </rPr>
      <t>年</t>
    </r>
    <r>
      <rPr>
        <sz val="12"/>
        <color rgb="FF000000"/>
        <rFont val="Times New Roman"/>
        <family val="1"/>
      </rPr>
      <t>8</t>
    </r>
    <r>
      <rPr>
        <sz val="12"/>
        <color rgb="FF000000"/>
        <rFont val="標楷體"/>
        <family val="4"/>
        <charset val="136"/>
      </rPr>
      <t>月</t>
    </r>
    <r>
      <rPr>
        <sz val="12"/>
        <color rgb="FF000000"/>
        <rFont val="Times New Roman"/>
        <family val="1"/>
      </rPr>
      <t>12</t>
    </r>
    <r>
      <rPr>
        <sz val="12"/>
        <color rgb="FF000000"/>
        <rFont val="標楷體"/>
        <family val="4"/>
        <charset val="136"/>
      </rPr>
      <t>日金管保財字第</t>
    </r>
    <r>
      <rPr>
        <sz val="12"/>
        <color rgb="FF000000"/>
        <rFont val="Times New Roman"/>
        <family val="1"/>
      </rPr>
      <t>1030250748F</t>
    </r>
    <r>
      <rPr>
        <sz val="12"/>
        <color rgb="FF000000"/>
        <rFont val="標楷體"/>
        <family val="4"/>
        <charset val="136"/>
      </rPr>
      <t>號）提起訴願及行政訴訟以請求撤銷行政處分及訴願決定案件處理之法</t>
    </r>
    <r>
      <rPr>
        <sz val="12"/>
        <color rgb="FF000000"/>
        <rFont val="標楷體"/>
        <family val="4"/>
        <charset val="136"/>
      </rPr>
      <t>律服務事務</t>
    </r>
  </si>
  <si>
    <t>103.10.31</t>
  </si>
  <si>
    <t>10324</t>
  </si>
  <si>
    <r>
      <rPr>
        <sz val="12"/>
        <color rgb="FF000000"/>
        <rFont val="標楷體"/>
        <family val="4"/>
        <charset val="136"/>
      </rPr>
      <t>成○投資</t>
    </r>
    <r>
      <rPr>
        <sz val="12"/>
        <color rgb="FF000000"/>
        <rFont val="標楷體"/>
        <family val="4"/>
        <charset val="136"/>
      </rPr>
      <t>股份有限公司暨葉○○不服國○人壽接管處分（</t>
    </r>
    <r>
      <rPr>
        <sz val="12"/>
        <color rgb="FF000000"/>
        <rFont val="Times New Roman"/>
        <family val="1"/>
      </rPr>
      <t>103</t>
    </r>
    <r>
      <rPr>
        <sz val="12"/>
        <color rgb="FF000000"/>
        <rFont val="標楷體"/>
        <family val="4"/>
        <charset val="136"/>
      </rPr>
      <t>年</t>
    </r>
    <r>
      <rPr>
        <sz val="12"/>
        <color rgb="FF000000"/>
        <rFont val="Times New Roman"/>
        <family val="1"/>
      </rPr>
      <t>8</t>
    </r>
    <r>
      <rPr>
        <sz val="12"/>
        <color rgb="FF000000"/>
        <rFont val="標楷體"/>
        <family val="4"/>
        <charset val="136"/>
      </rPr>
      <t>月</t>
    </r>
    <r>
      <rPr>
        <sz val="12"/>
        <color rgb="FF000000"/>
        <rFont val="Times New Roman"/>
        <family val="1"/>
      </rPr>
      <t>12</t>
    </r>
    <r>
      <rPr>
        <sz val="12"/>
        <color rgb="FF000000"/>
        <rFont val="標楷體"/>
        <family val="4"/>
        <charset val="136"/>
      </rPr>
      <t>日金管保財字第</t>
    </r>
    <r>
      <rPr>
        <sz val="12"/>
        <color rgb="FF000000"/>
        <rFont val="Times New Roman"/>
        <family val="1"/>
      </rPr>
      <t>10302507442</t>
    </r>
    <r>
      <rPr>
        <sz val="12"/>
        <color rgb="FF000000"/>
        <rFont val="標楷體"/>
        <family val="4"/>
        <charset val="136"/>
      </rPr>
      <t>號）提起訴願及行政訴訟案件處理（含訴願人另行向訴願機關或行政法院聲請停止接管處分之答辯）之法律服務事務</t>
    </r>
  </si>
  <si>
    <t>103.10.16</t>
  </si>
  <si>
    <t>10323</t>
  </si>
  <si>
    <r>
      <t>103</t>
    </r>
    <r>
      <rPr>
        <sz val="12"/>
        <color rgb="FF000000"/>
        <rFont val="標楷體"/>
        <family val="4"/>
        <charset val="136"/>
      </rPr>
      <t>年度電腦應用軟體採購</t>
    </r>
  </si>
  <si>
    <t>103.10.07</t>
  </si>
  <si>
    <t>10322</t>
  </si>
  <si>
    <r>
      <rPr>
        <sz val="12"/>
        <color rgb="FF000000"/>
        <rFont val="標楷體"/>
        <family val="4"/>
        <charset val="136"/>
      </rPr>
      <t>臺北高等行政法院</t>
    </r>
    <r>
      <rPr>
        <sz val="12"/>
        <color rgb="FF000000"/>
        <rFont val="Times New Roman"/>
        <family val="1"/>
      </rPr>
      <t>103</t>
    </r>
    <r>
      <rPr>
        <sz val="12"/>
        <color rgb="FF000000"/>
        <rFont val="標楷體"/>
        <family val="4"/>
        <charset val="136"/>
      </rPr>
      <t>年停字第</t>
    </r>
    <r>
      <rPr>
        <sz val="12"/>
        <color rgb="FF000000"/>
        <rFont val="Times New Roman"/>
        <family val="1"/>
      </rPr>
      <t>64</t>
    </r>
    <r>
      <rPr>
        <sz val="12"/>
        <color rgb="FF000000"/>
        <rFont val="標楷體"/>
        <family val="4"/>
        <charset val="136"/>
      </rPr>
      <t>號行政訴訟案之法律服務事務</t>
    </r>
  </si>
  <si>
    <t>103.09.18</t>
  </si>
  <si>
    <t>10316</t>
  </si>
  <si>
    <r>
      <t>103</t>
    </r>
    <r>
      <rPr>
        <sz val="12"/>
        <color rgb="FF000000"/>
        <rFont val="標楷體"/>
        <family val="4"/>
        <charset val="136"/>
      </rPr>
      <t>年度</t>
    </r>
    <r>
      <rPr>
        <sz val="12"/>
        <color rgb="FF000000"/>
        <rFont val="標楷體"/>
        <family val="4"/>
        <charset val="136"/>
      </rPr>
      <t>數位式多功能黑白影印機租賃採購案</t>
    </r>
  </si>
  <si>
    <t>103.09.04</t>
  </si>
  <si>
    <r>
      <rPr>
        <sz val="12"/>
        <color rgb="FF000000"/>
        <rFont val="標楷體"/>
        <family val="4"/>
        <charset val="136"/>
      </rPr>
      <t>冠轍數位科技有限公司</t>
    </r>
  </si>
  <si>
    <t>10320</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自由報系」採購案</t>
    </r>
  </si>
  <si>
    <t>103.08.28</t>
  </si>
  <si>
    <r>
      <rPr>
        <sz val="12"/>
        <color rgb="FF000000"/>
        <rFont val="標楷體"/>
        <family val="4"/>
        <charset val="136"/>
      </rPr>
      <t>自由文化事業股份有限公司</t>
    </r>
  </si>
  <si>
    <t>10321</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工商時報」採購案</t>
    </r>
  </si>
  <si>
    <t>103.08.26</t>
  </si>
  <si>
    <r>
      <rPr>
        <sz val="12"/>
        <color rgb="FF000000"/>
        <rFont val="標楷體"/>
        <family val="4"/>
        <charset val="136"/>
      </rPr>
      <t>工商財經數位股份有限公司</t>
    </r>
  </si>
  <si>
    <t>10319</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中國時報」採購案</t>
    </r>
  </si>
  <si>
    <t>103.08.15</t>
  </si>
  <si>
    <r>
      <rPr>
        <sz val="12"/>
        <color rgb="FF000000"/>
        <rFont val="標楷體"/>
        <family val="4"/>
        <charset val="136"/>
      </rPr>
      <t>中國時報文化事業股份有限公司</t>
    </r>
  </si>
  <si>
    <t>10318</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聯合報系」採購案</t>
    </r>
  </si>
  <si>
    <t>103.08.14</t>
  </si>
  <si>
    <r>
      <rPr>
        <sz val="12"/>
        <color rgb="FF000000"/>
        <rFont val="標楷體"/>
        <family val="4"/>
        <charset val="136"/>
      </rPr>
      <t>聯合報股份有限公司</t>
    </r>
  </si>
  <si>
    <t>10317A</t>
  </si>
  <si>
    <r>
      <t>103</t>
    </r>
    <r>
      <rPr>
        <sz val="12"/>
        <color rgb="FF000000"/>
        <rFont val="標楷體"/>
        <family val="4"/>
        <charset val="136"/>
      </rPr>
      <t>年度高齡化及微型保險商品整合推廣計畫委辦案</t>
    </r>
  </si>
  <si>
    <r>
      <rPr>
        <sz val="12"/>
        <color rgb="FF000000"/>
        <rFont val="標楷體"/>
        <family val="4"/>
        <charset val="136"/>
      </rPr>
      <t>安品多媒體有限公司</t>
    </r>
  </si>
  <si>
    <t>10314</t>
  </si>
  <si>
    <r>
      <t>103</t>
    </r>
    <r>
      <rPr>
        <sz val="12"/>
        <color rgb="FF000000"/>
        <rFont val="標楷體"/>
        <family val="4"/>
        <charset val="136"/>
      </rPr>
      <t>年度高齡化、保障型及微型保險宣導計畫</t>
    </r>
    <r>
      <rPr>
        <sz val="12"/>
        <color rgb="FF000000"/>
        <rFont val="Times New Roman"/>
        <family val="1"/>
      </rPr>
      <t>-</t>
    </r>
    <r>
      <rPr>
        <sz val="12"/>
        <color rgb="FF000000"/>
        <rFont val="標楷體"/>
        <family val="4"/>
        <charset val="136"/>
      </rPr>
      <t>公益路跑暨園遊會</t>
    </r>
  </si>
  <si>
    <t>103.08.08</t>
  </si>
  <si>
    <r>
      <rPr>
        <sz val="12"/>
        <color rgb="FF000000"/>
        <rFont val="標楷體"/>
        <family val="4"/>
        <charset val="136"/>
      </rPr>
      <t>創意活動王整合行銷有限公司</t>
    </r>
  </si>
  <si>
    <t>10315A</t>
  </si>
  <si>
    <r>
      <t>103</t>
    </r>
    <r>
      <rPr>
        <sz val="12"/>
        <color rgb="FF000000"/>
        <rFont val="標楷體"/>
        <family val="4"/>
        <charset val="136"/>
      </rPr>
      <t>年度保險教育主題電視宣導節目計畫委辦案</t>
    </r>
  </si>
  <si>
    <t>103.08.05</t>
  </si>
  <si>
    <t>10312</t>
  </si>
  <si>
    <r>
      <t>103</t>
    </r>
    <r>
      <rPr>
        <sz val="12"/>
        <color rgb="FF000000"/>
        <rFont val="標楷體"/>
        <family val="4"/>
        <charset val="136"/>
      </rPr>
      <t>年度金融基礎教育推廣合作計畫委辦案</t>
    </r>
  </si>
  <si>
    <t>103.08.01</t>
  </si>
  <si>
    <r>
      <rPr>
        <sz val="12"/>
        <color rgb="FF000000"/>
        <rFont val="標楷體"/>
        <family val="4"/>
        <charset val="136"/>
      </rPr>
      <t>社團法人台灣非營利事業經營管理協會</t>
    </r>
  </si>
  <si>
    <t>10311</t>
  </si>
  <si>
    <t>103.06.12</t>
  </si>
  <si>
    <t>10310</t>
  </si>
  <si>
    <t>103.06.06</t>
  </si>
  <si>
    <r>
      <rPr>
        <sz val="12"/>
        <color rgb="FF000000"/>
        <rFont val="標楷體"/>
        <family val="4"/>
        <charset val="136"/>
      </rPr>
      <t>裕和紙業有限公司</t>
    </r>
  </si>
  <si>
    <t>10309</t>
  </si>
  <si>
    <r>
      <rPr>
        <sz val="12"/>
        <color rgb="FF000000"/>
        <rFont val="標楷體"/>
        <family val="4"/>
        <charset val="136"/>
      </rPr>
      <t>保險業公司治理之研究委託研究計畫</t>
    </r>
  </si>
  <si>
    <t>103.05.02</t>
  </si>
  <si>
    <t>10307</t>
  </si>
  <si>
    <r>
      <t>102</t>
    </r>
    <r>
      <rPr>
        <sz val="12"/>
        <color rgb="FF000000"/>
        <rFont val="標楷體"/>
        <family val="4"/>
        <charset val="136"/>
      </rPr>
      <t>年度產險業精算簽證報告覆閱委託代辦案</t>
    </r>
  </si>
  <si>
    <t>10308A</t>
  </si>
  <si>
    <r>
      <rPr>
        <sz val="12"/>
        <color rgb="FF000000"/>
        <rFont val="標楷體"/>
        <family val="4"/>
        <charset val="136"/>
      </rPr>
      <t>我國成立境外保險業務中心之可行性研究計劃</t>
    </r>
  </si>
  <si>
    <t>103.04.16</t>
  </si>
  <si>
    <t>10305</t>
  </si>
  <si>
    <r>
      <t>103</t>
    </r>
    <r>
      <rPr>
        <sz val="12"/>
        <color rgb="FF000000"/>
        <rFont val="標楷體"/>
        <family val="4"/>
        <charset val="136"/>
      </rPr>
      <t>年度</t>
    </r>
    <r>
      <rPr>
        <sz val="12"/>
        <color rgb="FF000000"/>
        <rFont val="標楷體"/>
        <family val="4"/>
        <charset val="136"/>
      </rPr>
      <t>公文檔案影像掃描及編目建檔委外</t>
    </r>
  </si>
  <si>
    <r>
      <rPr>
        <sz val="12"/>
        <color rgb="FF000000"/>
        <rFont val="標楷體"/>
        <family val="4"/>
        <charset val="136"/>
      </rPr>
      <t>尚盈科技有限公司</t>
    </r>
  </si>
  <si>
    <t>10306</t>
  </si>
  <si>
    <r>
      <t>102</t>
    </r>
    <r>
      <rPr>
        <sz val="12"/>
        <color rgb="FF000000"/>
        <rFont val="標楷體"/>
        <family val="4"/>
        <charset val="136"/>
      </rPr>
      <t>年度壽險業精算簽證報告覆閱委託代辦案</t>
    </r>
  </si>
  <si>
    <t>103.04.10</t>
  </si>
  <si>
    <t>10303</t>
  </si>
  <si>
    <r>
      <t>103</t>
    </r>
    <r>
      <rPr>
        <sz val="12"/>
        <color rgb="FF000000"/>
        <rFont val="標楷體"/>
        <family val="4"/>
        <charset val="136"/>
      </rPr>
      <t>年度保險輔助人管理系統維護案</t>
    </r>
  </si>
  <si>
    <t>103.02.22</t>
  </si>
  <si>
    <t>10304</t>
  </si>
  <si>
    <r>
      <t>103</t>
    </r>
    <r>
      <rPr>
        <sz val="12"/>
        <color rgb="FF000000"/>
        <rFont val="標楷體"/>
        <family val="4"/>
        <charset val="136"/>
      </rPr>
      <t>年度保險業公開資訊觀測站系統維護服務案</t>
    </r>
  </si>
  <si>
    <t>103.02.19</t>
  </si>
  <si>
    <t>10301</t>
  </si>
  <si>
    <t>103.01.27</t>
  </si>
  <si>
    <t>10302</t>
  </si>
  <si>
    <r>
      <rPr>
        <sz val="12"/>
        <color rgb="FF000000"/>
        <rFont val="標楷體"/>
        <family val="4"/>
        <charset val="136"/>
      </rPr>
      <t>編輯印製保險法及相關法規</t>
    </r>
  </si>
  <si>
    <t>103.01.24</t>
  </si>
  <si>
    <r>
      <rPr>
        <sz val="12"/>
        <color rgb="FF000000"/>
        <rFont val="標楷體"/>
        <family val="4"/>
        <charset val="136"/>
      </rPr>
      <t>上校基業有限公司</t>
    </r>
  </si>
  <si>
    <t>10230</t>
  </si>
  <si>
    <t>103.01.20</t>
  </si>
  <si>
    <t>10431</t>
  </si>
  <si>
    <t>105年度保險商品監理資訊系統維護案</t>
  </si>
  <si>
    <t>103.01.14</t>
  </si>
  <si>
    <t>碩遠科技有限公司</t>
  </si>
  <si>
    <t>10231A</t>
  </si>
  <si>
    <r>
      <rPr>
        <sz val="12"/>
        <color rgb="FF000000"/>
        <rFont val="標楷體"/>
        <family val="4"/>
        <charset val="136"/>
      </rPr>
      <t>保險業通報作業資訊系統軟硬體維護及擴充功能案</t>
    </r>
  </si>
  <si>
    <t>102.12.25</t>
  </si>
  <si>
    <t>10233</t>
  </si>
  <si>
    <r>
      <t>103</t>
    </r>
    <r>
      <rPr>
        <sz val="12"/>
        <color rgb="FF000000"/>
        <rFont val="標楷體"/>
        <family val="4"/>
        <charset val="136"/>
      </rPr>
      <t>年度報紙訂購及派送</t>
    </r>
  </si>
  <si>
    <t>102.12.24</t>
  </si>
  <si>
    <t>10232</t>
  </si>
  <si>
    <r>
      <t>103</t>
    </r>
    <r>
      <rPr>
        <sz val="12"/>
        <color rgb="FF000000"/>
        <rFont val="標楷體"/>
        <family val="4"/>
        <charset val="136"/>
      </rPr>
      <t>年度事務人員勞務採購案</t>
    </r>
  </si>
  <si>
    <t>102.12.19</t>
  </si>
  <si>
    <t>10228A</t>
  </si>
  <si>
    <r>
      <rPr>
        <sz val="12"/>
        <color rgb="FF000000"/>
        <rFont val="標楷體"/>
        <family val="4"/>
        <charset val="136"/>
      </rPr>
      <t>進用業務專員及行政專員各</t>
    </r>
    <r>
      <rPr>
        <sz val="12"/>
        <color rgb="FF000000"/>
        <rFont val="Times New Roman"/>
        <family val="1"/>
      </rPr>
      <t>1</t>
    </r>
    <r>
      <rPr>
        <sz val="12"/>
        <color rgb="FF000000"/>
        <rFont val="標楷體"/>
        <family val="4"/>
        <charset val="136"/>
      </rPr>
      <t>名採購案</t>
    </r>
  </si>
  <si>
    <t>102.12.10</t>
  </si>
  <si>
    <t>10229A</t>
  </si>
  <si>
    <r>
      <rPr>
        <sz val="12"/>
        <color rgb="FF000000"/>
        <rFont val="標楷體"/>
        <family val="4"/>
        <charset val="136"/>
      </rPr>
      <t>因應高齡化社會保險相關制度及保險商品之研究</t>
    </r>
  </si>
  <si>
    <t>102.11.15</t>
  </si>
  <si>
    <r>
      <rPr>
        <sz val="12"/>
        <color rgb="FF000000"/>
        <rFont val="標楷體"/>
        <family val="4"/>
        <charset val="136"/>
      </rPr>
      <t>財團法人台灣綜合研究院</t>
    </r>
  </si>
  <si>
    <t>10226</t>
  </si>
  <si>
    <r>
      <rPr>
        <sz val="12"/>
        <color rgb="FF000000"/>
        <rFont val="標楷體"/>
        <family val="4"/>
        <charset val="136"/>
      </rPr>
      <t>伺服器及筆記型電腦財物採購案</t>
    </r>
  </si>
  <si>
    <t>102.10.22</t>
  </si>
  <si>
    <t>10225</t>
  </si>
  <si>
    <r>
      <rPr>
        <sz val="12"/>
        <color rgb="FF000000"/>
        <rFont val="標楷體"/>
        <family val="4"/>
        <charset val="136"/>
      </rPr>
      <t>處理幸</t>
    </r>
    <r>
      <rPr>
        <sz val="12"/>
        <color rgb="FF000000"/>
        <rFont val="Times New Roman"/>
        <family val="1"/>
      </rPr>
      <t>o</t>
    </r>
    <r>
      <rPr>
        <sz val="12"/>
        <color rgb="FF000000"/>
        <rFont val="標楷體"/>
        <family val="4"/>
        <charset val="136"/>
      </rPr>
      <t>人壽裁罰案提起訴願及行政訴訟案之法律服務事務</t>
    </r>
  </si>
  <si>
    <t>102.09.16</t>
  </si>
  <si>
    <t>10224</t>
  </si>
  <si>
    <t>102.09.07</t>
  </si>
  <si>
    <t>10223</t>
  </si>
  <si>
    <r>
      <rPr>
        <sz val="12"/>
        <color rgb="FF000000"/>
        <rFont val="標楷體"/>
        <family val="4"/>
        <charset val="136"/>
      </rPr>
      <t>穎</t>
    </r>
    <r>
      <rPr>
        <sz val="12"/>
        <color rgb="FF000000"/>
        <rFont val="Times New Roman"/>
        <family val="1"/>
      </rPr>
      <t>o</t>
    </r>
    <r>
      <rPr>
        <sz val="12"/>
        <color rgb="FF000000"/>
        <rFont val="標楷體"/>
        <family val="4"/>
        <charset val="136"/>
      </rPr>
      <t>科技有限公司就國</t>
    </r>
    <r>
      <rPr>
        <sz val="12"/>
        <color rgb="FF000000"/>
        <rFont val="Times New Roman"/>
        <family val="1"/>
      </rPr>
      <t>o</t>
    </r>
    <r>
      <rPr>
        <sz val="12"/>
        <color rgb="FF000000"/>
        <rFont val="標楷體"/>
        <family val="4"/>
        <charset val="136"/>
      </rPr>
      <t>人壽第</t>
    </r>
    <r>
      <rPr>
        <sz val="12"/>
        <color rgb="FF000000"/>
        <rFont val="Times New Roman"/>
        <family val="1"/>
      </rPr>
      <t>5</t>
    </r>
    <r>
      <rPr>
        <sz val="12"/>
        <color rgb="FF000000"/>
        <rFont val="標楷體"/>
        <family val="4"/>
        <charset val="136"/>
      </rPr>
      <t>次延長接管提起訴願及行政訴訟案之法律服務事務</t>
    </r>
  </si>
  <si>
    <t>102.09.06</t>
  </si>
  <si>
    <t>10222</t>
  </si>
  <si>
    <r>
      <rPr>
        <sz val="12"/>
        <color rgb="FF000000"/>
        <rFont val="標楷體"/>
        <family val="4"/>
        <charset val="136"/>
      </rPr>
      <t>處理連</t>
    </r>
    <r>
      <rPr>
        <sz val="12"/>
        <color rgb="FF000000"/>
        <rFont val="Times New Roman"/>
        <family val="1"/>
      </rPr>
      <t>oo</t>
    </r>
    <r>
      <rPr>
        <sz val="12"/>
        <color rgb="FF000000"/>
        <rFont val="標楷體"/>
        <family val="4"/>
        <charset val="136"/>
      </rPr>
      <t>及陳</t>
    </r>
    <r>
      <rPr>
        <sz val="12"/>
        <color rgb="FF000000"/>
        <rFont val="Times New Roman"/>
        <family val="1"/>
      </rPr>
      <t>oo</t>
    </r>
    <r>
      <rPr>
        <sz val="12"/>
        <color rgb="FF000000"/>
        <rFont val="標楷體"/>
        <family val="4"/>
        <charset val="136"/>
      </rPr>
      <t>就國</t>
    </r>
    <r>
      <rPr>
        <sz val="12"/>
        <color rgb="FF000000"/>
        <rFont val="Times New Roman"/>
        <family val="1"/>
      </rPr>
      <t>o</t>
    </r>
    <r>
      <rPr>
        <sz val="12"/>
        <color rgb="FF000000"/>
        <rFont val="標楷體"/>
        <family val="4"/>
        <charset val="136"/>
      </rPr>
      <t>人壽財</t>
    </r>
  </si>
  <si>
    <t>10221</t>
  </si>
  <si>
    <r>
      <t>102</t>
    </r>
    <r>
      <rPr>
        <sz val="12"/>
        <color rgb="FF000000"/>
        <rFont val="標楷體"/>
        <family val="4"/>
        <charset val="136"/>
      </rPr>
      <t>年度推動保障型、年金保險及長期看護保險暨各類保險商品特性及風險宣導活動委辦計畫</t>
    </r>
  </si>
  <si>
    <t>102.09.04</t>
  </si>
  <si>
    <t>10220</t>
  </si>
  <si>
    <r>
      <rPr>
        <sz val="12"/>
        <color rgb="FF000000"/>
        <rFont val="標楷體"/>
        <family val="4"/>
        <charset val="136"/>
      </rPr>
      <t>處理焦</t>
    </r>
    <r>
      <rPr>
        <sz val="12"/>
        <color rgb="FF000000"/>
        <rFont val="Times New Roman"/>
        <family val="1"/>
      </rPr>
      <t>oo</t>
    </r>
    <r>
      <rPr>
        <sz val="12"/>
        <color rgb="FF000000"/>
        <rFont val="標楷體"/>
        <family val="4"/>
        <charset val="136"/>
      </rPr>
      <t>、黃</t>
    </r>
    <r>
      <rPr>
        <sz val="12"/>
        <color rgb="FF000000"/>
        <rFont val="Times New Roman"/>
        <family val="1"/>
      </rPr>
      <t>o</t>
    </r>
    <r>
      <rPr>
        <sz val="12"/>
        <color rgb="FF000000"/>
        <rFont val="標楷體"/>
        <family val="4"/>
        <charset val="136"/>
      </rPr>
      <t>及賴</t>
    </r>
    <r>
      <rPr>
        <sz val="12"/>
        <color rgb="FF000000"/>
        <rFont val="Times New Roman"/>
        <family val="1"/>
      </rPr>
      <t>oo</t>
    </r>
    <r>
      <rPr>
        <sz val="12"/>
        <color rgb="FF000000"/>
        <rFont val="標楷體"/>
        <family val="4"/>
        <charset val="136"/>
      </rPr>
      <t>行政處分之更一審行政訴訟及後續行政訴訟案件提供法律服務</t>
    </r>
  </si>
  <si>
    <t>102.08.23</t>
  </si>
  <si>
    <t>10219</t>
  </si>
  <si>
    <r>
      <t>102</t>
    </r>
    <r>
      <rPr>
        <sz val="12"/>
        <color rgb="FF000000"/>
        <rFont val="標楷體"/>
        <family val="4"/>
        <charset val="136"/>
      </rPr>
      <t>年度風險管理與保險教育資料庫擴充及維護</t>
    </r>
  </si>
  <si>
    <t>102.07.22</t>
  </si>
  <si>
    <r>
      <rPr>
        <sz val="12"/>
        <color rgb="FF000000"/>
        <rFont val="標楷體"/>
        <family val="4"/>
        <charset val="136"/>
      </rPr>
      <t>黑快馬股份有限公司</t>
    </r>
  </si>
  <si>
    <t>10217</t>
  </si>
  <si>
    <r>
      <rPr>
        <sz val="12"/>
        <color rgb="FF000000"/>
        <rFont val="標楷體"/>
        <family val="4"/>
        <charset val="136"/>
      </rPr>
      <t>金融基礎教材個人理財國小篇學生及教師手冊、個人理財國中篇學生及教師手冊、個人理財高中篇學生及教師手冊、個人理財高職篇學生及教師手冊</t>
    </r>
  </si>
  <si>
    <t>102.07.04</t>
  </si>
  <si>
    <r>
      <rPr>
        <sz val="12"/>
        <color rgb="FF000000"/>
        <rFont val="標楷體"/>
        <family val="4"/>
        <charset val="136"/>
      </rPr>
      <t>立誠印刷股份有限公司</t>
    </r>
  </si>
  <si>
    <t>10215</t>
  </si>
  <si>
    <t>葉oo君調降董事報酬等之行政處分提起訴願及後續可能發生之行政訴訟等案件提供法律服務事務</t>
  </si>
  <si>
    <t>102.06.11</t>
  </si>
  <si>
    <t>10212</t>
  </si>
  <si>
    <t>102.06.04</t>
  </si>
  <si>
    <t>10214</t>
  </si>
  <si>
    <r>
      <rPr>
        <sz val="12"/>
        <color rgb="FF000000"/>
        <rFont val="標楷體"/>
        <family val="4"/>
        <charset val="136"/>
      </rPr>
      <t>林</t>
    </r>
    <r>
      <rPr>
        <sz val="12"/>
        <color rgb="FF000000"/>
        <rFont val="Times New Roman"/>
        <family val="1"/>
      </rPr>
      <t>00</t>
    </r>
    <r>
      <rPr>
        <sz val="12"/>
        <color rgb="FF000000"/>
        <rFont val="標楷體"/>
        <family val="4"/>
        <charset val="136"/>
      </rPr>
      <t>君提起國家賠償訴訟案之發律服務事務</t>
    </r>
  </si>
  <si>
    <t>102.05.23</t>
  </si>
  <si>
    <r>
      <rPr>
        <sz val="12"/>
        <color rgb="FF000000"/>
        <rFont val="標楷體"/>
        <family val="4"/>
        <charset val="136"/>
      </rPr>
      <t>施汎泉律師事務所</t>
    </r>
  </si>
  <si>
    <t>10213</t>
  </si>
  <si>
    <r>
      <t>102</t>
    </r>
    <r>
      <rPr>
        <sz val="12"/>
        <color rgb="FF000000"/>
        <rFont val="標楷體"/>
        <family val="4"/>
        <charset val="136"/>
      </rPr>
      <t>年度金融基礎教育合作推廣計畫委辦案</t>
    </r>
  </si>
  <si>
    <t>102.05.22</t>
  </si>
  <si>
    <t>10210</t>
  </si>
  <si>
    <r>
      <t>2013</t>
    </r>
    <r>
      <rPr>
        <sz val="12"/>
        <color rgb="FF000000"/>
        <rFont val="標楷體"/>
        <family val="4"/>
        <charset val="136"/>
      </rPr>
      <t>年國際保險監理官協會</t>
    </r>
    <r>
      <rPr>
        <sz val="12"/>
        <color rgb="FF000000"/>
        <rFont val="Times New Roman"/>
        <family val="1"/>
      </rPr>
      <t>(IAIS)</t>
    </r>
    <r>
      <rPr>
        <sz val="12"/>
        <color rgb="FF000000"/>
        <rFont val="標楷體"/>
        <family val="4"/>
        <charset val="136"/>
      </rPr>
      <t>年會節目中斷險與公共責任意外保險採購案</t>
    </r>
  </si>
  <si>
    <r>
      <rPr>
        <sz val="12"/>
        <color rgb="FF000000"/>
        <rFont val="標楷體"/>
        <family val="4"/>
        <charset val="136"/>
      </rPr>
      <t>新光產物保險股份有限公司板橋分公司</t>
    </r>
  </si>
  <si>
    <t>10209</t>
  </si>
  <si>
    <r>
      <rPr>
        <sz val="12"/>
        <color rgb="FF000000"/>
        <rFont val="標楷體"/>
        <family val="4"/>
        <charset val="136"/>
      </rPr>
      <t>公文檔案影像掃描及編目建檔委外</t>
    </r>
  </si>
  <si>
    <t>102.05.14</t>
  </si>
  <si>
    <r>
      <rPr>
        <sz val="12"/>
        <color rgb="FF000000"/>
        <rFont val="標楷體"/>
        <family val="4"/>
        <charset val="136"/>
      </rPr>
      <t>香港商台灣迪蘭格有限公司台灣分公司</t>
    </r>
  </si>
  <si>
    <t>10207</t>
  </si>
  <si>
    <r>
      <t>101</t>
    </r>
    <r>
      <rPr>
        <sz val="12"/>
        <color rgb="FF000000"/>
        <rFont val="標楷體"/>
        <family val="4"/>
        <charset val="136"/>
      </rPr>
      <t>年度壽險業精算簽證報告覆閱委託代辦案</t>
    </r>
  </si>
  <si>
    <t>102.04.18</t>
  </si>
  <si>
    <t>10206</t>
  </si>
  <si>
    <r>
      <rPr>
        <sz val="12"/>
        <color rgb="FF000000"/>
        <rFont val="標楷體"/>
        <family val="4"/>
        <charset val="136"/>
      </rPr>
      <t>處理洪○○君解除職務之行政處分（</t>
    </r>
    <r>
      <rPr>
        <sz val="12"/>
        <color rgb="FF000000"/>
        <rFont val="Times New Roman"/>
        <family val="1"/>
      </rPr>
      <t>102</t>
    </r>
    <r>
      <rPr>
        <sz val="12"/>
        <color rgb="FF000000"/>
        <rFont val="標楷體"/>
        <family val="4"/>
        <charset val="136"/>
      </rPr>
      <t>年</t>
    </r>
    <r>
      <rPr>
        <sz val="12"/>
        <color rgb="FF000000"/>
        <rFont val="Times New Roman"/>
        <family val="1"/>
      </rPr>
      <t>1</t>
    </r>
    <r>
      <rPr>
        <sz val="12"/>
        <color rgb="FF000000"/>
        <rFont val="標楷體"/>
        <family val="4"/>
        <charset val="136"/>
      </rPr>
      <t>月</t>
    </r>
    <r>
      <rPr>
        <sz val="12"/>
        <color rgb="FF000000"/>
        <rFont val="Times New Roman"/>
        <family val="1"/>
      </rPr>
      <t>31</t>
    </r>
    <r>
      <rPr>
        <sz val="12"/>
        <color rgb="FF000000"/>
        <rFont val="標楷體"/>
        <family val="4"/>
        <charset val="136"/>
      </rPr>
      <t>日金管保財字第</t>
    </r>
    <r>
      <rPr>
        <sz val="12"/>
        <color rgb="FF000000"/>
        <rFont val="Times New Roman"/>
        <family val="1"/>
      </rPr>
      <t>10202501092</t>
    </r>
    <r>
      <rPr>
        <sz val="12"/>
        <color rgb="FF000000"/>
        <rFont val="標楷體"/>
        <family val="4"/>
        <charset val="136"/>
      </rPr>
      <t>號）提起訴願及後續可能發生之行政訴訟等案件提供法律服務</t>
    </r>
  </si>
  <si>
    <r>
      <rPr>
        <sz val="14"/>
        <color rgb="FF000000"/>
        <rFont val="標楷體"/>
        <family val="4"/>
        <charset val="136"/>
      </rPr>
      <t>協合國際法律事務所</t>
    </r>
  </si>
  <si>
    <t>10208</t>
  </si>
  <si>
    <r>
      <t>101</t>
    </r>
    <r>
      <rPr>
        <sz val="12"/>
        <color rgb="FF000000"/>
        <rFont val="標楷體"/>
        <family val="4"/>
        <charset val="136"/>
      </rPr>
      <t>年度產險業精算簽證報告覆閱委託代辦案</t>
    </r>
  </si>
  <si>
    <t>102.04.08</t>
  </si>
  <si>
    <t>10204</t>
  </si>
  <si>
    <r>
      <t>102</t>
    </r>
    <r>
      <rPr>
        <sz val="12"/>
        <color rgb="FF000000"/>
        <rFont val="標楷體"/>
        <family val="4"/>
        <charset val="136"/>
      </rPr>
      <t>年度保險業公開資訊觀測站系統維護服務案</t>
    </r>
  </si>
  <si>
    <t>102.03.27</t>
  </si>
  <si>
    <t>10202</t>
  </si>
  <si>
    <r>
      <t>2013</t>
    </r>
    <r>
      <rPr>
        <sz val="12"/>
        <color rgb="FF000000"/>
        <rFont val="標楷體"/>
        <family val="4"/>
        <charset val="136"/>
      </rPr>
      <t>年國際保險監理官協會（</t>
    </r>
    <r>
      <rPr>
        <sz val="12"/>
        <color rgb="FF000000"/>
        <rFont val="Times New Roman"/>
        <family val="1"/>
      </rPr>
      <t>IAIS</t>
    </r>
    <r>
      <rPr>
        <sz val="12"/>
        <color rgb="FF000000"/>
        <rFont val="標楷體"/>
        <family val="4"/>
        <charset val="136"/>
      </rPr>
      <t>）年會外部稽核採購案</t>
    </r>
  </si>
  <si>
    <t>102.03.26</t>
  </si>
  <si>
    <t>10205</t>
  </si>
  <si>
    <r>
      <rPr>
        <sz val="12"/>
        <color rgb="FF000000"/>
        <rFont val="標楷體"/>
        <family val="4"/>
        <charset val="136"/>
      </rPr>
      <t>國際保險業清償能力監理制度之研究</t>
    </r>
  </si>
  <si>
    <t>102.03.19</t>
  </si>
  <si>
    <t>10338</t>
  </si>
  <si>
    <r>
      <t>104</t>
    </r>
    <r>
      <rPr>
        <sz val="12"/>
        <color rgb="FF000000"/>
        <rFont val="標楷體"/>
        <family val="4"/>
        <charset val="136"/>
      </rPr>
      <t>年度保險業公開資訊觀測站系統維護服務</t>
    </r>
  </si>
  <si>
    <t>102.03.14</t>
  </si>
  <si>
    <t>10201</t>
  </si>
  <si>
    <r>
      <rPr>
        <sz val="12"/>
        <color rgb="FF000000"/>
        <rFont val="標楷體"/>
        <family val="4"/>
        <charset val="136"/>
      </rPr>
      <t>利用區域合作平台，倡議建立天然災害再保險機制之研究</t>
    </r>
  </si>
  <si>
    <t>102.03.06</t>
  </si>
  <si>
    <r>
      <rPr>
        <sz val="12"/>
        <color rgb="FF000000"/>
        <rFont val="標楷體"/>
        <family val="4"/>
        <charset val="136"/>
      </rPr>
      <t>中華民國風險管理學會</t>
    </r>
  </si>
  <si>
    <t>10130</t>
  </si>
  <si>
    <r>
      <rPr>
        <sz val="12"/>
        <color rgb="FF000000"/>
        <rFont val="標楷體"/>
        <family val="4"/>
        <charset val="136"/>
      </rPr>
      <t>檔案室檔案櫃</t>
    </r>
    <r>
      <rPr>
        <sz val="12"/>
        <color rgb="FF000000"/>
        <rFont val="Times New Roman"/>
        <family val="1"/>
      </rPr>
      <t>(</t>
    </r>
    <r>
      <rPr>
        <sz val="12"/>
        <color rgb="FF000000"/>
        <rFont val="標楷體"/>
        <family val="4"/>
        <charset val="136"/>
      </rPr>
      <t>含安裝</t>
    </r>
    <r>
      <rPr>
        <sz val="12"/>
        <color rgb="FF000000"/>
        <rFont val="Times New Roman"/>
        <family val="1"/>
      </rPr>
      <t>)</t>
    </r>
  </si>
  <si>
    <t>101.12.25</t>
  </si>
  <si>
    <r>
      <rPr>
        <sz val="12"/>
        <color rgb="FF000000"/>
        <rFont val="標楷體"/>
        <family val="4"/>
        <charset val="136"/>
      </rPr>
      <t>志展辦公家具設備有限公司</t>
    </r>
  </si>
  <si>
    <t>10131</t>
  </si>
  <si>
    <r>
      <rPr>
        <sz val="12"/>
        <color rgb="FF000000"/>
        <rFont val="標楷體"/>
        <family val="4"/>
        <charset val="136"/>
      </rPr>
      <t>進用</t>
    </r>
    <r>
      <rPr>
        <sz val="12"/>
        <color rgb="FF000000"/>
        <rFont val="Times New Roman"/>
        <family val="1"/>
      </rPr>
      <t>6</t>
    </r>
    <r>
      <rPr>
        <sz val="12"/>
        <color rgb="FF000000"/>
        <rFont val="標楷體"/>
        <family val="4"/>
        <charset val="136"/>
      </rPr>
      <t>名事務人員</t>
    </r>
  </si>
  <si>
    <t>101.12.22</t>
  </si>
  <si>
    <r>
      <rPr>
        <sz val="12"/>
        <color rgb="FF000000"/>
        <rFont val="標楷體"/>
        <family val="4"/>
        <charset val="136"/>
      </rPr>
      <t>青薪企業有限公司</t>
    </r>
  </si>
  <si>
    <t>10127</t>
  </si>
  <si>
    <t>101.12.14</t>
  </si>
  <si>
    <t>10128A</t>
  </si>
  <si>
    <t>101.12.13</t>
  </si>
  <si>
    <r>
      <rPr>
        <sz val="12"/>
        <color rgb="FF000000"/>
        <rFont val="標楷體"/>
        <family val="4"/>
        <charset val="136"/>
      </rPr>
      <t>皇仁企業社</t>
    </r>
  </si>
  <si>
    <t>10129</t>
  </si>
  <si>
    <r>
      <rPr>
        <sz val="12"/>
        <color rgb="FF000000"/>
        <rFont val="標楷體"/>
        <family val="4"/>
        <charset val="136"/>
      </rPr>
      <t>進用</t>
    </r>
    <r>
      <rPr>
        <sz val="12"/>
        <color rgb="FF000000"/>
        <rFont val="Times New Roman"/>
        <family val="1"/>
      </rPr>
      <t>6</t>
    </r>
    <r>
      <rPr>
        <sz val="12"/>
        <color rgb="FF000000"/>
        <rFont val="標楷體"/>
        <family val="4"/>
        <charset val="136"/>
      </rPr>
      <t>名工讀生</t>
    </r>
  </si>
  <si>
    <t>101.12.06</t>
  </si>
  <si>
    <t>10126</t>
  </si>
  <si>
    <r>
      <rPr>
        <sz val="12"/>
        <color rgb="FF000000"/>
        <rFont val="標楷體"/>
        <family val="4"/>
        <charset val="136"/>
      </rPr>
      <t>服務管理系統建置</t>
    </r>
  </si>
  <si>
    <t>101.11.09</t>
  </si>
  <si>
    <r>
      <rPr>
        <sz val="12"/>
        <color rgb="FF000000"/>
        <rFont val="標楷體"/>
        <family val="4"/>
        <charset val="136"/>
      </rPr>
      <t>新達電腦股份有限公司</t>
    </r>
  </si>
  <si>
    <t>10124</t>
  </si>
  <si>
    <r>
      <rPr>
        <sz val="12"/>
        <color rgb="FF000000"/>
        <rFont val="標楷體"/>
        <family val="4"/>
        <charset val="136"/>
      </rPr>
      <t>檔案庫防結構補強及整修工程</t>
    </r>
  </si>
  <si>
    <t>101.10.31</t>
  </si>
  <si>
    <r>
      <rPr>
        <sz val="12"/>
        <color rgb="FF000000"/>
        <rFont val="標楷體"/>
        <family val="4"/>
        <charset val="136"/>
      </rPr>
      <t>同佑營造股份有限公司</t>
    </r>
  </si>
  <si>
    <t>10125</t>
  </si>
  <si>
    <r>
      <rPr>
        <sz val="12"/>
        <color rgb="FF000000"/>
        <rFont val="標楷體"/>
        <family val="4"/>
        <charset val="136"/>
      </rPr>
      <t>進用</t>
    </r>
    <r>
      <rPr>
        <sz val="12"/>
        <color rgb="FF000000"/>
        <rFont val="Times New Roman"/>
        <family val="1"/>
      </rPr>
      <t>3</t>
    </r>
    <r>
      <rPr>
        <sz val="12"/>
        <color rgb="FF000000"/>
        <rFont val="標楷體"/>
        <family val="4"/>
        <charset val="136"/>
      </rPr>
      <t>名電話客服人員</t>
    </r>
  </si>
  <si>
    <t>101.10.26</t>
  </si>
  <si>
    <r>
      <rPr>
        <sz val="12"/>
        <color rgb="FF000000"/>
        <rFont val="標楷體"/>
        <family val="4"/>
        <charset val="136"/>
      </rPr>
      <t>迪選企業股份有限公司</t>
    </r>
  </si>
  <si>
    <t>10123</t>
  </si>
  <si>
    <r>
      <rPr>
        <sz val="12"/>
        <color rgb="FF000000"/>
        <rFont val="標楷體"/>
        <family val="4"/>
        <charset val="136"/>
      </rPr>
      <t>穎○科技股份有限公司就國○人壽第</t>
    </r>
    <r>
      <rPr>
        <sz val="12"/>
        <color rgb="FF000000"/>
        <rFont val="Times New Roman"/>
        <family val="1"/>
      </rPr>
      <t>4</t>
    </r>
    <r>
      <rPr>
        <sz val="12"/>
        <color rgb="FF000000"/>
        <rFont val="標楷體"/>
        <family val="4"/>
        <charset val="136"/>
      </rPr>
      <t>次延長接管期間之處分提起訴願及行政訴訟以請求撤銷行政處分及訴願決定案之法律服務事務</t>
    </r>
  </si>
  <si>
    <t>101.10.05</t>
  </si>
  <si>
    <r>
      <rPr>
        <sz val="12"/>
        <color rgb="FF000000"/>
        <rFont val="標楷體"/>
        <family val="4"/>
        <charset val="136"/>
      </rPr>
      <t>理律法律事訴所</t>
    </r>
  </si>
  <si>
    <t>10121</t>
  </si>
  <si>
    <t>黃○○君保險事務事件提起行政訴訟案之法律服務事務</t>
  </si>
  <si>
    <t>101.10.04</t>
  </si>
  <si>
    <t>10122</t>
  </si>
  <si>
    <t>101.09.17</t>
  </si>
  <si>
    <r>
      <rPr>
        <sz val="12"/>
        <color rgb="FF000000"/>
        <rFont val="標楷體"/>
        <family val="4"/>
        <charset val="136"/>
      </rPr>
      <t>原東印刷包裝有限公司</t>
    </r>
  </si>
  <si>
    <t>10118</t>
  </si>
  <si>
    <t>101.09.12</t>
  </si>
  <si>
    <r>
      <rPr>
        <sz val="12"/>
        <color rgb="FF000000"/>
        <rFont val="標楷體"/>
        <family val="4"/>
        <charset val="136"/>
      </rPr>
      <t>彩新資訊科技有限公司</t>
    </r>
  </si>
  <si>
    <t>10116</t>
  </si>
  <si>
    <r>
      <t>101</t>
    </r>
    <r>
      <rPr>
        <sz val="12"/>
        <color rgb="FF000000"/>
        <rFont val="標楷體"/>
        <family val="4"/>
        <charset val="136"/>
      </rPr>
      <t>年度保險輔助人管理系統維護擴充計畫委辦案</t>
    </r>
  </si>
  <si>
    <t>101.08.28</t>
  </si>
  <si>
    <t>10119</t>
  </si>
  <si>
    <r>
      <t>101</t>
    </r>
    <r>
      <rPr>
        <sz val="12"/>
        <color rgb="FF000000"/>
        <rFont val="標楷體"/>
        <family val="4"/>
        <charset val="136"/>
      </rPr>
      <t>年度保險業公開資訊觀測站系統功能擴增服務案</t>
    </r>
  </si>
  <si>
    <t>101.08.27</t>
  </si>
  <si>
    <t>10117A</t>
  </si>
  <si>
    <r>
      <rPr>
        <sz val="12"/>
        <color rgb="FF000000"/>
        <rFont val="標楷體"/>
        <family val="4"/>
        <charset val="136"/>
      </rPr>
      <t>保險業通報作業資訊系統應用軟體維護</t>
    </r>
  </si>
  <si>
    <t>101.08.16</t>
  </si>
  <si>
    <r>
      <rPr>
        <sz val="12"/>
        <color rgb="FF000000"/>
        <rFont val="標楷體"/>
        <family val="4"/>
        <charset val="136"/>
      </rPr>
      <t>衛展資訊股份有限公司</t>
    </r>
  </si>
  <si>
    <t>10114</t>
  </si>
  <si>
    <r>
      <t>101</t>
    </r>
    <r>
      <rPr>
        <sz val="12"/>
        <color rgb="FF000000"/>
        <rFont val="標楷體"/>
        <family val="4"/>
        <charset val="136"/>
      </rPr>
      <t>年度金融基礎教育合作推廣計畫委辦案</t>
    </r>
  </si>
  <si>
    <t>101.08.07</t>
  </si>
  <si>
    <r>
      <rPr>
        <sz val="12"/>
        <color rgb="FF000000"/>
        <rFont val="標楷體"/>
        <family val="4"/>
        <charset val="136"/>
      </rPr>
      <t>社團法人中華民國財金智慧教育推廣協會</t>
    </r>
  </si>
  <si>
    <t>10111</t>
  </si>
  <si>
    <t>101.06.26</t>
  </si>
  <si>
    <t>10113</t>
  </si>
  <si>
    <r>
      <rPr>
        <sz val="12"/>
        <color rgb="FF000000"/>
        <rFont val="標楷體"/>
        <family val="4"/>
        <charset val="136"/>
      </rPr>
      <t>處理○○科技股份有限公司因不符國○人壽第</t>
    </r>
    <r>
      <rPr>
        <sz val="12"/>
        <color rgb="FF000000"/>
        <rFont val="Times New Roman"/>
        <family val="1"/>
      </rPr>
      <t>1</t>
    </r>
    <r>
      <rPr>
        <sz val="12"/>
        <color rgb="FF000000"/>
        <rFont val="標楷體"/>
        <family val="4"/>
        <charset val="136"/>
      </rPr>
      <t>次及第</t>
    </r>
    <r>
      <rPr>
        <sz val="12"/>
        <color rgb="FF000000"/>
        <rFont val="Times New Roman"/>
        <family val="1"/>
      </rPr>
      <t>2</t>
    </r>
    <r>
      <rPr>
        <sz val="12"/>
        <color rgb="FF000000"/>
        <rFont val="標楷體"/>
        <family val="4"/>
        <charset val="136"/>
      </rPr>
      <t>次延長接管期間之處分提起最高行政法院行政訴訟案之法律服務案</t>
    </r>
  </si>
  <si>
    <t>101.06.05</t>
  </si>
  <si>
    <t>10112</t>
  </si>
  <si>
    <r>
      <t>101</t>
    </r>
    <r>
      <rPr>
        <sz val="12"/>
        <color rgb="FF000000"/>
        <rFont val="標楷體"/>
        <family val="4"/>
        <charset val="136"/>
      </rPr>
      <t>年度推動保障型年金保險及長期看護暨各類保險商品特性及宣導活動委辦計畫</t>
    </r>
    <r>
      <rPr>
        <sz val="12"/>
        <color rgb="FF000000"/>
        <rFont val="Times New Roman"/>
        <family val="1"/>
      </rPr>
      <t xml:space="preserve"> </t>
    </r>
  </si>
  <si>
    <t>10110A</t>
  </si>
  <si>
    <r>
      <rPr>
        <sz val="12"/>
        <color rgb="FF000000"/>
        <rFont val="標楷體"/>
        <family val="4"/>
        <charset val="136"/>
      </rPr>
      <t>強化保險輔助人法令遵循以保障消費者權益之研究</t>
    </r>
  </si>
  <si>
    <t>101.06.02</t>
  </si>
  <si>
    <r>
      <rPr>
        <sz val="12"/>
        <color rgb="FF000000"/>
        <rFont val="標楷體"/>
        <family val="4"/>
        <charset val="136"/>
      </rPr>
      <t>東海大學</t>
    </r>
  </si>
  <si>
    <t>10109</t>
  </si>
  <si>
    <t>處理有限責任台灣區○○產物保險合作社因違反保險法所受之行政處分提起之訴願及後續可能發生之行政訴訟等案件提供法律服務</t>
  </si>
  <si>
    <t>101.05.30</t>
  </si>
  <si>
    <t>10106</t>
  </si>
  <si>
    <r>
      <t>100</t>
    </r>
    <r>
      <rPr>
        <sz val="12"/>
        <color rgb="FF000000"/>
        <rFont val="標楷體"/>
        <family val="4"/>
        <charset val="136"/>
      </rPr>
      <t>年度產險業精算簽證複閱報告委託代辦案</t>
    </r>
  </si>
  <si>
    <t>101.05.17</t>
  </si>
  <si>
    <t>10108</t>
  </si>
  <si>
    <r>
      <rPr>
        <sz val="12"/>
        <color rgb="FF000000"/>
        <rFont val="標楷體"/>
        <family val="4"/>
        <charset val="136"/>
      </rPr>
      <t>壽險業使用內部模型之監理辦法</t>
    </r>
  </si>
  <si>
    <t>101.05.04</t>
  </si>
  <si>
    <t>10107</t>
  </si>
  <si>
    <r>
      <t>100</t>
    </r>
    <r>
      <rPr>
        <sz val="12"/>
        <color rgb="FF000000"/>
        <rFont val="標楷體"/>
        <family val="4"/>
        <charset val="136"/>
      </rPr>
      <t>年度壽險業精算簽證複閱報告委託代辦案</t>
    </r>
  </si>
  <si>
    <t>101.04.17</t>
  </si>
  <si>
    <t>10105</t>
  </si>
  <si>
    <r>
      <rPr>
        <sz val="12"/>
        <color rgb="FF000000"/>
        <rFont val="標楷體"/>
        <family val="4"/>
        <charset val="136"/>
      </rPr>
      <t>金融產業投資不動產相關規範之研究</t>
    </r>
  </si>
  <si>
    <t>101.04.12</t>
  </si>
  <si>
    <r>
      <rPr>
        <sz val="12"/>
        <color rgb="FF000000"/>
        <rFont val="標楷體"/>
        <family val="4"/>
        <charset val="136"/>
      </rPr>
      <t>銘傳大學</t>
    </r>
  </si>
  <si>
    <t>10104</t>
  </si>
  <si>
    <t>黃○○君申請國家賠償提起民事訴訟案之法律服務事務</t>
  </si>
  <si>
    <t>101.04.02</t>
  </si>
  <si>
    <r>
      <rPr>
        <sz val="12"/>
        <color rgb="FF000000"/>
        <rFont val="標楷體"/>
        <family val="4"/>
        <charset val="136"/>
      </rPr>
      <t>陳峰富律師事務所</t>
    </r>
  </si>
  <si>
    <t>10103</t>
  </si>
  <si>
    <r>
      <rPr>
        <sz val="12"/>
        <color rgb="FF000000"/>
        <rFont val="標楷體"/>
        <family val="4"/>
        <charset val="136"/>
      </rPr>
      <t>公文影像掃描及檔案編目建檔委外</t>
    </r>
  </si>
  <si>
    <t>101.03.06</t>
  </si>
  <si>
    <t>10102A</t>
  </si>
  <si>
    <t>電視頻道及廣播電臺廣告時段託播案</t>
  </si>
  <si>
    <t>101.03.05</t>
  </si>
  <si>
    <r>
      <rPr>
        <sz val="12"/>
        <color rgb="FF000000"/>
        <rFont val="標楷體"/>
        <family val="4"/>
        <charset val="136"/>
      </rPr>
      <t>士奇傳播整合行銷股份有限公司</t>
    </r>
  </si>
  <si>
    <t>10101</t>
  </si>
  <si>
    <r>
      <rPr>
        <sz val="12"/>
        <color rgb="FF000000"/>
        <rFont val="標楷體"/>
        <family val="4"/>
        <charset val="136"/>
      </rPr>
      <t>處理國○人壽保險股份有限公司、蔡○○、賴○○、黃○及焦○○就國○人壽以取得不動產方式作為債權收回之交易之行政處分（</t>
    </r>
    <r>
      <rPr>
        <sz val="12"/>
        <color rgb="FF000000"/>
        <rFont val="Times New Roman"/>
        <family val="1"/>
      </rPr>
      <t>100</t>
    </r>
    <r>
      <rPr>
        <sz val="12"/>
        <color rgb="FF000000"/>
        <rFont val="標楷體"/>
        <family val="4"/>
        <charset val="136"/>
      </rPr>
      <t>年</t>
    </r>
    <r>
      <rPr>
        <sz val="12"/>
        <color rgb="FF000000"/>
        <rFont val="Times New Roman"/>
        <family val="1"/>
      </rPr>
      <t>10</t>
    </r>
    <r>
      <rPr>
        <sz val="12"/>
        <color rgb="FF000000"/>
        <rFont val="標楷體"/>
        <family val="4"/>
        <charset val="136"/>
      </rPr>
      <t>月</t>
    </r>
    <r>
      <rPr>
        <sz val="12"/>
        <color rgb="FF000000"/>
        <rFont val="Times New Roman"/>
        <family val="1"/>
      </rPr>
      <t>11</t>
    </r>
    <r>
      <rPr>
        <sz val="12"/>
        <color rgb="FF000000"/>
        <rFont val="標楷體"/>
        <family val="4"/>
        <charset val="136"/>
      </rPr>
      <t>日金管保財字第</t>
    </r>
    <r>
      <rPr>
        <sz val="12"/>
        <color rgb="FF000000"/>
        <rFont val="Times New Roman"/>
        <family val="1"/>
      </rPr>
      <t>10002517632</t>
    </r>
    <r>
      <rPr>
        <sz val="12"/>
        <color rgb="FF000000"/>
        <rFont val="標楷體"/>
        <family val="4"/>
        <charset val="136"/>
      </rPr>
      <t>號裁處書）分別提起訴願及後續可能發生之行政訴訟等案件提供法律服務</t>
    </r>
  </si>
  <si>
    <t>101.02.24</t>
  </si>
  <si>
    <t>10234</t>
  </si>
  <si>
    <r>
      <rPr>
        <sz val="12"/>
        <color rgb="FF000000"/>
        <rFont val="標楷體"/>
        <family val="4"/>
        <charset val="136"/>
      </rPr>
      <t>電腦軟體財物採購案</t>
    </r>
  </si>
  <si>
    <t>101.01.31</t>
  </si>
  <si>
    <r>
      <rPr>
        <sz val="12"/>
        <color rgb="FF000000"/>
        <rFont val="標楷體"/>
        <family val="4"/>
        <charset val="136"/>
      </rPr>
      <t>協科資訊股份有限公司</t>
    </r>
  </si>
  <si>
    <t>10027</t>
  </si>
  <si>
    <r>
      <rPr>
        <sz val="12"/>
        <color rgb="FF000000"/>
        <rFont val="標楷體"/>
        <family val="4"/>
        <charset val="136"/>
      </rPr>
      <t>認識保障型及年金保險商品及認識微型保險宣導手冊印製</t>
    </r>
  </si>
  <si>
    <t>100.12.29</t>
  </si>
  <si>
    <r>
      <rPr>
        <sz val="12"/>
        <color rgb="FF000000"/>
        <rFont val="標楷體"/>
        <family val="4"/>
        <charset val="136"/>
      </rPr>
      <t>一麟印刷有限公司</t>
    </r>
  </si>
  <si>
    <t>10026</t>
  </si>
  <si>
    <r>
      <rPr>
        <sz val="12"/>
        <color rgb="FF000000"/>
        <rFont val="標楷體"/>
        <family val="4"/>
        <charset val="136"/>
      </rPr>
      <t>進用</t>
    </r>
    <r>
      <rPr>
        <sz val="12"/>
        <color rgb="FF000000"/>
        <rFont val="Times New Roman"/>
        <family val="1"/>
      </rPr>
      <t>5</t>
    </r>
    <r>
      <rPr>
        <sz val="12"/>
        <color rgb="FF000000"/>
        <rFont val="標楷體"/>
        <family val="4"/>
        <charset val="136"/>
      </rPr>
      <t>名事務人員</t>
    </r>
  </si>
  <si>
    <t>100.12.20</t>
  </si>
  <si>
    <r>
      <rPr>
        <sz val="12"/>
        <color rgb="FF000000"/>
        <rFont val="標楷體"/>
        <family val="4"/>
        <charset val="136"/>
      </rPr>
      <t>神州電腦股份有限公司</t>
    </r>
  </si>
  <si>
    <t>10025</t>
  </si>
  <si>
    <r>
      <rPr>
        <sz val="12"/>
        <color rgb="FF000000"/>
        <rFont val="標楷體"/>
        <family val="4"/>
        <charset val="136"/>
      </rPr>
      <t>進用</t>
    </r>
    <r>
      <rPr>
        <sz val="12"/>
        <color rgb="FF000000"/>
        <rFont val="Times New Roman"/>
        <family val="1"/>
      </rPr>
      <t>7</t>
    </r>
    <r>
      <rPr>
        <sz val="12"/>
        <color rgb="FF000000"/>
        <rFont val="標楷體"/>
        <family val="4"/>
        <charset val="136"/>
      </rPr>
      <t>名工讀生</t>
    </r>
  </si>
  <si>
    <t>100.12.13</t>
  </si>
  <si>
    <r>
      <rPr>
        <sz val="12"/>
        <color rgb="FF000000"/>
        <rFont val="標楷體"/>
        <family val="4"/>
        <charset val="136"/>
      </rPr>
      <t>詠馳企業有限公司</t>
    </r>
  </si>
  <si>
    <t>10024</t>
  </si>
  <si>
    <r>
      <t>101</t>
    </r>
    <r>
      <rPr>
        <sz val="12"/>
        <color rgb="FF000000"/>
        <rFont val="標楷體"/>
        <family val="4"/>
        <charset val="136"/>
      </rPr>
      <t>年度報紙訂購及派送</t>
    </r>
  </si>
  <si>
    <t>10023A</t>
  </si>
  <si>
    <r>
      <rPr>
        <sz val="12"/>
        <color rgb="FF000000"/>
        <rFont val="標楷體"/>
        <family val="4"/>
        <charset val="136"/>
      </rPr>
      <t>進用</t>
    </r>
    <r>
      <rPr>
        <sz val="12"/>
        <color rgb="FF000000"/>
        <rFont val="Times New Roman"/>
        <family val="1"/>
      </rPr>
      <t>3</t>
    </r>
    <r>
      <rPr>
        <sz val="12"/>
        <color rgb="FF000000"/>
        <rFont val="標楷體"/>
        <family val="4"/>
        <charset val="136"/>
      </rPr>
      <t>名行政助理採購案</t>
    </r>
  </si>
  <si>
    <t>100.12.08</t>
  </si>
  <si>
    <t>10022</t>
  </si>
  <si>
    <t>100.12.07</t>
  </si>
  <si>
    <t>10020</t>
  </si>
  <si>
    <r>
      <rPr>
        <sz val="12"/>
        <color rgb="FF000000"/>
        <rFont val="標楷體"/>
        <family val="4"/>
        <charset val="136"/>
      </rPr>
      <t>地毯更新工程案</t>
    </r>
  </si>
  <si>
    <t>100.11.25</t>
  </si>
  <si>
    <r>
      <rPr>
        <sz val="12"/>
        <color rgb="FF000000"/>
        <rFont val="標楷體"/>
        <family val="4"/>
        <charset val="136"/>
      </rPr>
      <t>證碩企業有限公司</t>
    </r>
  </si>
  <si>
    <t>10018</t>
  </si>
  <si>
    <r>
      <rPr>
        <sz val="12"/>
        <color rgb="FF000000"/>
        <rFont val="標楷體"/>
        <family val="4"/>
        <charset val="136"/>
      </rPr>
      <t>方塊地毯購置案</t>
    </r>
  </si>
  <si>
    <t>100.11.18</t>
  </si>
  <si>
    <r>
      <rPr>
        <sz val="12"/>
        <color rgb="FF000000"/>
        <rFont val="標楷體"/>
        <family val="4"/>
        <charset val="136"/>
      </rPr>
      <t>泰福家具企業股份有限公司</t>
    </r>
  </si>
  <si>
    <t>10019A</t>
  </si>
  <si>
    <r>
      <rPr>
        <sz val="12"/>
        <color rgb="FF000000"/>
        <rFont val="標楷體"/>
        <family val="4"/>
        <charset val="136"/>
      </rPr>
      <t>保險業通報資訊作業系統原地備援及虛擬專用網路系統建置</t>
    </r>
  </si>
  <si>
    <t>100.11.17</t>
  </si>
  <si>
    <t>10017A</t>
  </si>
  <si>
    <r>
      <rPr>
        <sz val="12"/>
        <color rgb="FF000000"/>
        <rFont val="標楷體"/>
        <family val="4"/>
        <charset val="136"/>
      </rPr>
      <t>高齡化社會照顧及安養保險商品宣導廣告製作暨媒體規劃執行委辦案</t>
    </r>
  </si>
  <si>
    <t>100.11.02</t>
  </si>
  <si>
    <r>
      <rPr>
        <sz val="12"/>
        <color rgb="FF000000"/>
        <rFont val="標楷體"/>
        <family val="4"/>
        <charset val="136"/>
      </rPr>
      <t>好人好好廣告事業股份有限公司</t>
    </r>
  </si>
  <si>
    <t>10015</t>
  </si>
  <si>
    <r>
      <t>100</t>
    </r>
    <r>
      <rPr>
        <sz val="12"/>
        <color rgb="FF000000"/>
        <rFont val="標楷體"/>
        <family val="4"/>
        <charset val="136"/>
      </rPr>
      <t>年風險管理與保險教育資料庫擴充建置委託案</t>
    </r>
  </si>
  <si>
    <t>100.10.26</t>
  </si>
  <si>
    <t>10014</t>
  </si>
  <si>
    <r>
      <t>100</t>
    </r>
    <r>
      <rPr>
        <sz val="12"/>
        <color rgb="FF000000"/>
        <rFont val="標楷體"/>
        <family val="4"/>
        <charset val="136"/>
      </rPr>
      <t>年度推動保障型及年金保險商品宣導活動委辦計畫</t>
    </r>
  </si>
  <si>
    <t>100.09.22</t>
  </si>
  <si>
    <r>
      <rPr>
        <sz val="12"/>
        <color rgb="FF000000"/>
        <rFont val="標楷體"/>
        <family val="4"/>
        <charset val="136"/>
      </rPr>
      <t>力捷整合行銷顧問有限公司</t>
    </r>
  </si>
  <si>
    <t>10013</t>
  </si>
  <si>
    <t>100.09.14</t>
  </si>
  <si>
    <t>10012A</t>
  </si>
  <si>
    <r>
      <rPr>
        <sz val="12"/>
        <color rgb="FF000000"/>
        <rFont val="標楷體"/>
        <family val="4"/>
        <charset val="136"/>
      </rPr>
      <t>保險理賠爭議死亡相驗問之研究</t>
    </r>
  </si>
  <si>
    <t>100.07.20</t>
  </si>
  <si>
    <r>
      <rPr>
        <sz val="12"/>
        <color rgb="FF000000"/>
        <rFont val="標楷體"/>
        <family val="4"/>
        <charset val="136"/>
      </rPr>
      <t>國立成功大學</t>
    </r>
  </si>
  <si>
    <t>10011</t>
  </si>
  <si>
    <r>
      <rPr>
        <sz val="12"/>
        <color rgb="FF000000"/>
        <rFont val="標楷體"/>
        <family val="4"/>
        <charset val="136"/>
      </rPr>
      <t>保險商品監理資訊系統維護</t>
    </r>
  </si>
  <si>
    <t>100.05.30</t>
  </si>
  <si>
    <t>10010</t>
  </si>
  <si>
    <r>
      <t>99</t>
    </r>
    <r>
      <rPr>
        <sz val="12"/>
        <color rgb="FF000000"/>
        <rFont val="標楷體"/>
        <family val="4"/>
        <charset val="136"/>
      </rPr>
      <t>年度壽險業精算簽證報告覆閱委託代辦案</t>
    </r>
  </si>
  <si>
    <t>100.05.24</t>
  </si>
  <si>
    <t>10006A</t>
  </si>
  <si>
    <r>
      <rPr>
        <sz val="12"/>
        <color rgb="FF000000"/>
        <rFont val="標楷體"/>
        <family val="4"/>
        <charset val="136"/>
      </rPr>
      <t>強化保險輔助人管理相關措施之研究</t>
    </r>
  </si>
  <si>
    <t>100.05.12</t>
  </si>
  <si>
    <r>
      <rPr>
        <sz val="12"/>
        <color rgb="FF000000"/>
        <rFont val="標楷體"/>
        <family val="4"/>
        <charset val="136"/>
      </rPr>
      <t>德律國際專利商標法律事務所</t>
    </r>
  </si>
  <si>
    <t>10009A</t>
  </si>
  <si>
    <r>
      <t>100</t>
    </r>
    <r>
      <rPr>
        <sz val="12"/>
        <color rgb="FF000000"/>
        <rFont val="標楷體"/>
        <family val="4"/>
        <charset val="136"/>
      </rPr>
      <t>年度電視主題保險教育宣導活動計畫</t>
    </r>
  </si>
  <si>
    <t>100.05.11</t>
  </si>
  <si>
    <r>
      <rPr>
        <sz val="12"/>
        <color rgb="FF000000"/>
        <rFont val="標楷體"/>
        <family val="4"/>
        <charset val="136"/>
      </rPr>
      <t>平安企管顧問有限公司</t>
    </r>
  </si>
  <si>
    <t>10007</t>
  </si>
  <si>
    <r>
      <t>100</t>
    </r>
    <r>
      <rPr>
        <sz val="12"/>
        <color rgb="FF000000"/>
        <rFont val="標楷體"/>
        <family val="4"/>
        <charset val="136"/>
      </rPr>
      <t>年度各類保險商品特性及風險宣導活動委辦計畫</t>
    </r>
  </si>
  <si>
    <t>10008</t>
  </si>
  <si>
    <r>
      <t>99</t>
    </r>
    <r>
      <rPr>
        <sz val="12"/>
        <color rgb="FF000000"/>
        <rFont val="標楷體"/>
        <family val="4"/>
        <charset val="136"/>
      </rPr>
      <t>年度產險業精算簽證報告覆閱委託代辦案</t>
    </r>
  </si>
  <si>
    <t>100.05.09</t>
  </si>
  <si>
    <t>10004</t>
  </si>
  <si>
    <r>
      <rPr>
        <sz val="12"/>
        <color rgb="FF000000"/>
        <rFont val="標楷體"/>
        <family val="4"/>
        <charset val="136"/>
      </rPr>
      <t>建立評估保險業所面臨國內外利率短期波動風險之模型</t>
    </r>
  </si>
  <si>
    <t>100.04.26</t>
  </si>
  <si>
    <t>10005</t>
  </si>
  <si>
    <r>
      <rPr>
        <sz val="12"/>
        <color rgb="FF000000"/>
        <rFont val="標楷體"/>
        <family val="4"/>
        <charset val="136"/>
      </rPr>
      <t>公文影像委託掃瞄</t>
    </r>
  </si>
  <si>
    <t>100.04.22</t>
  </si>
  <si>
    <r>
      <rPr>
        <sz val="12"/>
        <color rgb="FF000000"/>
        <rFont val="標楷體"/>
        <family val="4"/>
        <charset val="136"/>
      </rPr>
      <t>鴻廣科技有限公司</t>
    </r>
  </si>
  <si>
    <t>10003</t>
  </si>
  <si>
    <r>
      <t>100</t>
    </r>
    <r>
      <rPr>
        <sz val="12"/>
        <color rgb="FF000000"/>
        <rFont val="標楷體"/>
        <family val="4"/>
        <charset val="136"/>
      </rPr>
      <t>年度金融基礎教育合作推廣計畫委辦案</t>
    </r>
  </si>
  <si>
    <t>100.04.14</t>
  </si>
  <si>
    <t>10002A</t>
  </si>
  <si>
    <r>
      <rPr>
        <sz val="12"/>
        <color rgb="FF000000"/>
        <rFont val="標楷體"/>
        <family val="4"/>
        <charset val="136"/>
      </rPr>
      <t>宏韻事業有限公司</t>
    </r>
  </si>
  <si>
    <t>10001</t>
  </si>
  <si>
    <r>
      <t>100</t>
    </r>
    <r>
      <rPr>
        <sz val="12"/>
        <color rgb="FF000000"/>
        <rFont val="標楷體"/>
        <family val="4"/>
        <charset val="136"/>
      </rPr>
      <t>年度保險業公開資訊觀測站委外建置</t>
    </r>
  </si>
  <si>
    <t>100.03.29</t>
  </si>
  <si>
    <t>10132</t>
  </si>
  <si>
    <r>
      <t>102</t>
    </r>
    <r>
      <rPr>
        <sz val="12"/>
        <color rgb="FF000000"/>
        <rFont val="標楷體"/>
        <family val="4"/>
        <charset val="136"/>
      </rPr>
      <t>年度報紙訂購及派送</t>
    </r>
  </si>
  <si>
    <t>100.03.25</t>
  </si>
  <si>
    <r>
      <rPr>
        <sz val="12"/>
        <color rgb="FF000000"/>
        <rFont val="標楷體"/>
        <family val="4"/>
        <charset val="136"/>
      </rPr>
      <t>立龍書報社</t>
    </r>
  </si>
  <si>
    <t>9929</t>
  </si>
  <si>
    <t>99.12.16</t>
  </si>
  <si>
    <t>9928</t>
  </si>
  <si>
    <t>99.12.09</t>
  </si>
  <si>
    <t>9926A</t>
  </si>
  <si>
    <r>
      <rPr>
        <sz val="12"/>
        <color rgb="FF000000"/>
        <rFont val="標楷體"/>
        <family val="4"/>
        <charset val="136"/>
      </rPr>
      <t>進用</t>
    </r>
    <r>
      <rPr>
        <sz val="12"/>
        <color rgb="FF000000"/>
        <rFont val="Times New Roman"/>
        <family val="1"/>
      </rPr>
      <t>1</t>
    </r>
    <r>
      <rPr>
        <sz val="12"/>
        <color rgb="FF000000"/>
        <rFont val="標楷體"/>
        <family val="4"/>
        <charset val="136"/>
      </rPr>
      <t>名辦事員及</t>
    </r>
    <r>
      <rPr>
        <sz val="12"/>
        <color rgb="FF000000"/>
        <rFont val="Times New Roman"/>
        <family val="1"/>
      </rPr>
      <t>2</t>
    </r>
    <r>
      <rPr>
        <sz val="12"/>
        <color rgb="FF000000"/>
        <rFont val="標楷體"/>
        <family val="4"/>
        <charset val="136"/>
      </rPr>
      <t>名行政助理採購案</t>
    </r>
  </si>
  <si>
    <t>99.11.30</t>
  </si>
  <si>
    <r>
      <rPr>
        <sz val="12"/>
        <color rgb="FF000000"/>
        <rFont val="標楷體"/>
        <family val="4"/>
        <charset val="136"/>
      </rPr>
      <t>祥赫實業社</t>
    </r>
  </si>
  <si>
    <t>9925</t>
  </si>
  <si>
    <t>蔡○○君提起國家賠償民事訴訟案之法律服務事務</t>
  </si>
  <si>
    <t>99.11.22</t>
  </si>
  <si>
    <t>9927</t>
  </si>
  <si>
    <r>
      <t>100</t>
    </r>
    <r>
      <rPr>
        <sz val="12"/>
        <color rgb="FF000000"/>
        <rFont val="標楷體"/>
        <family val="4"/>
        <charset val="136"/>
      </rPr>
      <t>年度報紙訂購及派送</t>
    </r>
  </si>
  <si>
    <t>99.11.17</t>
  </si>
  <si>
    <t>9924A</t>
  </si>
  <si>
    <r>
      <rPr>
        <sz val="12"/>
        <color rgb="FF000000"/>
        <rFont val="標楷體"/>
        <family val="4"/>
        <charset val="136"/>
      </rPr>
      <t>健康保險理賠爭議與定價資料基礎適足性之研究</t>
    </r>
  </si>
  <si>
    <t>99.11.03</t>
  </si>
  <si>
    <r>
      <rPr>
        <sz val="12"/>
        <color rgb="FF000000"/>
        <rFont val="標楷體"/>
        <family val="4"/>
        <charset val="136"/>
      </rPr>
      <t>彗聖律師事務所</t>
    </r>
  </si>
  <si>
    <t>9923</t>
  </si>
  <si>
    <r>
      <t>99</t>
    </r>
    <r>
      <rPr>
        <sz val="12"/>
        <color rgb="FF000000"/>
        <rFont val="標楷體"/>
        <family val="4"/>
        <charset val="136"/>
      </rPr>
      <t>年度推動保障型及年金保險商品宣導活動委辦計畫</t>
    </r>
  </si>
  <si>
    <t>99.10.12</t>
  </si>
  <si>
    <t>9922</t>
  </si>
  <si>
    <t>國○產物保險股份有限公司行政訴訟案之法律服務事務</t>
  </si>
  <si>
    <t>99.09.28</t>
  </si>
  <si>
    <t>9918A</t>
  </si>
  <si>
    <r>
      <rPr>
        <sz val="12"/>
        <color rgb="FF000000"/>
        <rFont val="標楷體"/>
        <family val="4"/>
        <charset val="136"/>
      </rPr>
      <t>因應個人資料保護法保險相關法令及實務問題檢討</t>
    </r>
  </si>
  <si>
    <t>99.09.21</t>
  </si>
  <si>
    <r>
      <rPr>
        <sz val="12"/>
        <color rgb="FF000000"/>
        <rFont val="標楷體"/>
        <family val="4"/>
        <charset val="136"/>
      </rPr>
      <t>實踐大學</t>
    </r>
  </si>
  <si>
    <t>9919A</t>
  </si>
  <si>
    <t>保險公司催告方式之研究</t>
  </si>
  <si>
    <t>99.09.13</t>
  </si>
  <si>
    <t>9921</t>
  </si>
  <si>
    <r>
      <rPr>
        <sz val="12"/>
        <color rgb="FF000000"/>
        <rFont val="標楷體"/>
        <family val="4"/>
        <charset val="136"/>
      </rPr>
      <t>辦理財務會計準則第</t>
    </r>
    <r>
      <rPr>
        <sz val="12"/>
        <color rgb="FF000000"/>
        <rFont val="Times New Roman"/>
        <family val="1"/>
      </rPr>
      <t>40</t>
    </r>
    <r>
      <rPr>
        <sz val="12"/>
        <color rgb="FF000000"/>
        <rFont val="標楷體"/>
        <family val="4"/>
        <charset val="136"/>
      </rPr>
      <t>號公報（保險合約之會計處理準則）研習班</t>
    </r>
  </si>
  <si>
    <t>99.08.23</t>
  </si>
  <si>
    <r>
      <rPr>
        <sz val="12"/>
        <color rgb="FF000000"/>
        <rFont val="標楷體"/>
        <family val="4"/>
        <charset val="136"/>
      </rPr>
      <t>財團法人中華民國證券暨期貨市場發展基金會</t>
    </r>
  </si>
  <si>
    <t>9917</t>
  </si>
  <si>
    <t>國○人壽保險股份有限公司董事穎○科技股份有限公司提起行政訴訟請求撤銷行政處分及訴願決定案及翁○○君提起行政訴訟請求撤銷行政處分及訴願決定案之法律服務事務</t>
  </si>
  <si>
    <t>99.08.06</t>
  </si>
  <si>
    <r>
      <rPr>
        <sz val="12"/>
        <color rgb="FF000000"/>
        <rFont val="標楷體"/>
        <family val="4"/>
        <charset val="136"/>
      </rPr>
      <t>鍶錡法律事務所</t>
    </r>
  </si>
  <si>
    <t>9916</t>
  </si>
  <si>
    <t>接管國○人壽保險股份有限公司之行政處分及因接管處分所衍生之相關訴願案件之法律服務事務</t>
  </si>
  <si>
    <t>99.07.26</t>
  </si>
  <si>
    <t>9913</t>
  </si>
  <si>
    <r>
      <rPr>
        <sz val="12"/>
        <color rgb="FF000000"/>
        <rFont val="標楷體"/>
        <family val="4"/>
        <charset val="136"/>
      </rPr>
      <t>保險輔助人管理系統委外建置</t>
    </r>
  </si>
  <si>
    <t>99.07.12</t>
  </si>
  <si>
    <t>9912</t>
  </si>
  <si>
    <r>
      <rPr>
        <sz val="12"/>
        <color rgb="FF000000"/>
        <rFont val="標楷體"/>
        <family val="4"/>
        <charset val="136"/>
      </rPr>
      <t>銀行保險行銷通路監理之研究</t>
    </r>
  </si>
  <si>
    <t>99.06.23</t>
  </si>
  <si>
    <r>
      <rPr>
        <sz val="12"/>
        <color rgb="FF000000"/>
        <rFont val="標楷體"/>
        <family val="4"/>
        <charset val="136"/>
      </rPr>
      <t>政治大學</t>
    </r>
  </si>
  <si>
    <t>9911</t>
  </si>
  <si>
    <t>99.06.11</t>
  </si>
  <si>
    <t>9909</t>
  </si>
  <si>
    <r>
      <t>99</t>
    </r>
    <r>
      <rPr>
        <sz val="12"/>
        <color rgb="FF000000"/>
        <rFont val="標楷體"/>
        <family val="4"/>
        <charset val="136"/>
      </rPr>
      <t>年度金融基礎教育合作推廣計畫委辦案</t>
    </r>
  </si>
  <si>
    <t>99.06.08</t>
  </si>
  <si>
    <t>9908</t>
  </si>
  <si>
    <r>
      <rPr>
        <sz val="12"/>
        <color rgb="FF000000"/>
        <rFont val="標楷體"/>
        <family val="4"/>
        <charset val="136"/>
      </rPr>
      <t>風險管理與保險教育推廣資訊平台建置委託案</t>
    </r>
  </si>
  <si>
    <t>99.05.28</t>
  </si>
  <si>
    <t>9910A</t>
  </si>
  <si>
    <r>
      <t>99</t>
    </r>
    <r>
      <rPr>
        <sz val="12"/>
        <color rgb="FF000000"/>
        <rFont val="標楷體"/>
        <family val="4"/>
        <charset val="136"/>
      </rPr>
      <t>年度電視主題保險教育宣導活動計畫委辦案</t>
    </r>
  </si>
  <si>
    <t>99.05.27</t>
  </si>
  <si>
    <t>9906</t>
  </si>
  <si>
    <r>
      <t>98</t>
    </r>
    <r>
      <rPr>
        <sz val="12"/>
        <color rgb="FF000000"/>
        <rFont val="標楷體"/>
        <family val="4"/>
        <charset val="136"/>
      </rPr>
      <t>年度產險業精算簽證報告覆閱委託代辦案</t>
    </r>
  </si>
  <si>
    <t>99.05.21</t>
  </si>
  <si>
    <t>9907</t>
  </si>
  <si>
    <r>
      <t>98</t>
    </r>
    <r>
      <rPr>
        <sz val="12"/>
        <color rgb="FF000000"/>
        <rFont val="標楷體"/>
        <family val="4"/>
        <charset val="136"/>
      </rPr>
      <t>年度壽險業精算簽證報告覆閱委託代辦案</t>
    </r>
  </si>
  <si>
    <t>99.05.20</t>
  </si>
  <si>
    <t>9905</t>
  </si>
  <si>
    <r>
      <rPr>
        <sz val="12"/>
        <color rgb="FF000000"/>
        <rFont val="標楷體"/>
        <family val="4"/>
        <charset val="136"/>
      </rPr>
      <t>高職、國小學生金融基礎教材與教師手冊印製、金融基礎教材教具製作及倉儲委託寄送管理</t>
    </r>
  </si>
  <si>
    <t>99.05.12</t>
  </si>
  <si>
    <r>
      <rPr>
        <sz val="12"/>
        <color rgb="FF000000"/>
        <rFont val="標楷體"/>
        <family val="4"/>
        <charset val="136"/>
      </rPr>
      <t>寶麗來藝術印刷有限公司</t>
    </r>
  </si>
  <si>
    <t>9903</t>
  </si>
  <si>
    <r>
      <rPr>
        <sz val="12"/>
        <color rgb="FF000000"/>
        <rFont val="標楷體"/>
        <family val="4"/>
        <charset val="136"/>
      </rPr>
      <t>壽險業準備金評估方法之國際發展趨勢研究</t>
    </r>
  </si>
  <si>
    <t>99.04.30</t>
  </si>
  <si>
    <r>
      <rPr>
        <sz val="12"/>
        <color rgb="FF000000"/>
        <rFont val="標楷體"/>
        <family val="4"/>
        <charset val="136"/>
      </rPr>
      <t>國立政治大學</t>
    </r>
  </si>
  <si>
    <t>9902</t>
  </si>
  <si>
    <r>
      <rPr>
        <sz val="12"/>
        <color rgb="FF000000"/>
        <rFont val="標楷體"/>
        <family val="4"/>
        <charset val="136"/>
      </rPr>
      <t>保險商品審查制度採準則基礎（</t>
    </r>
    <r>
      <rPr>
        <sz val="12"/>
        <color rgb="FF000000"/>
        <rFont val="Times New Roman"/>
        <family val="1"/>
      </rPr>
      <t>principle-based</t>
    </r>
    <r>
      <rPr>
        <sz val="12"/>
        <color rgb="FF000000"/>
        <rFont val="標楷體"/>
        <family val="4"/>
        <charset val="136"/>
      </rPr>
      <t>）監理之可行性研究</t>
    </r>
  </si>
  <si>
    <t>9904</t>
  </si>
  <si>
    <r>
      <t>99</t>
    </r>
    <r>
      <rPr>
        <sz val="12"/>
        <color rgb="FF000000"/>
        <rFont val="標楷體"/>
        <family val="4"/>
        <charset val="136"/>
      </rPr>
      <t>年度推動各類保險商品特性及風險之相關宣導活動委辦計畫</t>
    </r>
  </si>
  <si>
    <t>99.04.15</t>
  </si>
  <si>
    <t>9901</t>
  </si>
  <si>
    <r>
      <rPr>
        <sz val="12"/>
        <color rgb="FF000000"/>
        <rFont val="標楷體"/>
        <family val="4"/>
        <charset val="136"/>
      </rPr>
      <t>飲用水設備維護保養</t>
    </r>
  </si>
  <si>
    <t>99.03.08</t>
  </si>
  <si>
    <r>
      <rPr>
        <sz val="12"/>
        <color rgb="FF000000"/>
        <rFont val="標楷體"/>
        <family val="4"/>
        <charset val="136"/>
      </rPr>
      <t>賀眾企業股份有限公司</t>
    </r>
  </si>
  <si>
    <t>10028</t>
  </si>
  <si>
    <r>
      <rPr>
        <sz val="12"/>
        <color rgb="FF000000"/>
        <rFont val="標楷體"/>
        <family val="4"/>
        <charset val="136"/>
      </rPr>
      <t>處理穎○科技股份有限公司就國○人壽第</t>
    </r>
    <r>
      <rPr>
        <sz val="12"/>
        <color rgb="FF000000"/>
        <rFont val="Times New Roman"/>
        <family val="1"/>
      </rPr>
      <t>3</t>
    </r>
    <r>
      <rPr>
        <sz val="12"/>
        <color rgb="FF000000"/>
        <rFont val="標楷體"/>
        <family val="4"/>
        <charset val="136"/>
      </rPr>
      <t>次延長接管期間之處分提起</t>
    </r>
    <r>
      <rPr>
        <sz val="12"/>
        <color rgb="FF000000"/>
        <rFont val="標楷體"/>
        <family val="4"/>
        <charset val="136"/>
      </rPr>
      <t>訴願及</t>
    </r>
    <r>
      <rPr>
        <sz val="12"/>
        <color rgb="FF000000"/>
        <rFont val="標楷體"/>
        <family val="4"/>
        <charset val="136"/>
      </rPr>
      <t>行政訴訟以請求撤銷</t>
    </r>
    <r>
      <rPr>
        <sz val="12"/>
        <color rgb="FF000000"/>
        <rFont val="標楷體"/>
        <family val="4"/>
        <charset val="136"/>
      </rPr>
      <t>行政處分及訴願決定案之法律服務事務</t>
    </r>
  </si>
  <si>
    <t>99.02.05</t>
  </si>
  <si>
    <r>
      <rPr>
        <sz val="12"/>
        <color rgb="FF000000"/>
        <rFont val="標楷體"/>
        <family val="4"/>
        <charset val="136"/>
      </rPr>
      <t>理律法律事務</t>
    </r>
  </si>
  <si>
    <t>9826A</t>
  </si>
  <si>
    <r>
      <rPr>
        <sz val="12"/>
        <color rgb="FF000000"/>
        <rFont val="標楷體"/>
        <family val="4"/>
        <charset val="136"/>
      </rPr>
      <t>進用</t>
    </r>
    <r>
      <rPr>
        <sz val="12"/>
        <color rgb="FF000000"/>
        <rFont val="Times New Roman"/>
        <family val="1"/>
      </rPr>
      <t>1</t>
    </r>
    <r>
      <rPr>
        <sz val="12"/>
        <color rgb="FF000000"/>
        <rFont val="標楷體"/>
        <family val="4"/>
        <charset val="136"/>
      </rPr>
      <t>名辦事員及</t>
    </r>
    <r>
      <rPr>
        <sz val="12"/>
        <color rgb="FF000000"/>
        <rFont val="Times New Roman"/>
        <family val="1"/>
      </rPr>
      <t>1</t>
    </r>
    <r>
      <rPr>
        <sz val="12"/>
        <color rgb="FF000000"/>
        <rFont val="標楷體"/>
        <family val="4"/>
        <charset val="136"/>
      </rPr>
      <t>名行政助理</t>
    </r>
  </si>
  <si>
    <t>99.01.19</t>
  </si>
  <si>
    <r>
      <rPr>
        <sz val="12"/>
        <color rgb="FF000000"/>
        <rFont val="標楷體"/>
        <family val="4"/>
        <charset val="136"/>
      </rPr>
      <t>瑋帆有限公司</t>
    </r>
  </si>
  <si>
    <t>9829</t>
  </si>
  <si>
    <t>99.01.13</t>
  </si>
  <si>
    <t>9828</t>
  </si>
  <si>
    <t>委託律師處理國○人壽訴願案</t>
  </si>
  <si>
    <t>98.12.08</t>
  </si>
  <si>
    <t>9825</t>
  </si>
  <si>
    <r>
      <rPr>
        <sz val="12"/>
        <color rgb="FF000000"/>
        <rFont val="標楷體"/>
        <family val="4"/>
        <charset val="136"/>
      </rPr>
      <t>進用</t>
    </r>
    <r>
      <rPr>
        <sz val="12"/>
        <color rgb="FF000000"/>
        <rFont val="Times New Roman"/>
        <family val="1"/>
      </rPr>
      <t>5</t>
    </r>
    <r>
      <rPr>
        <sz val="12"/>
        <color rgb="FF000000"/>
        <rFont val="標楷體"/>
        <family val="4"/>
        <charset val="136"/>
      </rPr>
      <t>名事務人員、</t>
    </r>
    <r>
      <rPr>
        <sz val="12"/>
        <color rgb="FF000000"/>
        <rFont val="Times New Roman"/>
        <family val="1"/>
      </rPr>
      <t>1</t>
    </r>
    <r>
      <rPr>
        <sz val="12"/>
        <color rgb="FF000000"/>
        <rFont val="標楷體"/>
        <family val="4"/>
        <charset val="136"/>
      </rPr>
      <t>名行政助理及</t>
    </r>
    <r>
      <rPr>
        <sz val="12"/>
        <color rgb="FF000000"/>
        <rFont val="Times New Roman"/>
        <family val="1"/>
      </rPr>
      <t>7</t>
    </r>
    <r>
      <rPr>
        <sz val="12"/>
        <color rgb="FF000000"/>
        <rFont val="標楷體"/>
        <family val="4"/>
        <charset val="136"/>
      </rPr>
      <t>名工讀生</t>
    </r>
  </si>
  <si>
    <t>98.11.26</t>
  </si>
  <si>
    <r>
      <rPr>
        <sz val="12"/>
        <color rgb="FF000000"/>
        <rFont val="標楷體"/>
        <family val="4"/>
        <charset val="136"/>
      </rPr>
      <t>美地綜合建築物管理維護股份有限公司</t>
    </r>
  </si>
  <si>
    <t>9827A</t>
  </si>
  <si>
    <r>
      <t> </t>
    </r>
    <r>
      <rPr>
        <sz val="12"/>
        <color rgb="FF000000"/>
        <rFont val="標楷體"/>
        <family val="4"/>
        <charset val="136"/>
      </rPr>
      <t>保險業通報作業資訊系統委外建置</t>
    </r>
  </si>
  <si>
    <t>98.11.18</t>
  </si>
  <si>
    <t>9823</t>
  </si>
  <si>
    <r>
      <rPr>
        <sz val="12"/>
        <color rgb="FF000000"/>
        <rFont val="標楷體"/>
        <family val="4"/>
        <charset val="136"/>
      </rPr>
      <t>「</t>
    </r>
    <r>
      <rPr>
        <sz val="12"/>
        <color rgb="FF000000"/>
        <rFont val="Times New Roman"/>
        <family val="1"/>
      </rPr>
      <t>98</t>
    </r>
    <r>
      <rPr>
        <sz val="12"/>
        <color rgb="FF000000"/>
        <rFont val="標楷體"/>
        <family val="4"/>
        <charset val="136"/>
      </rPr>
      <t>年度推動保障型及年金保險商品宣導活動」委辦計畫</t>
    </r>
  </si>
  <si>
    <t>98.11.11</t>
  </si>
  <si>
    <r>
      <rPr>
        <sz val="12"/>
        <color rgb="FF000000"/>
        <rFont val="標楷體"/>
        <family val="4"/>
        <charset val="136"/>
      </rPr>
      <t>精鼎公關顧問有限公司</t>
    </r>
  </si>
  <si>
    <t>9824</t>
  </si>
  <si>
    <r>
      <t>99</t>
    </r>
    <r>
      <rPr>
        <sz val="12"/>
        <color rgb="FF000000"/>
        <rFont val="標楷體"/>
        <family val="4"/>
        <charset val="136"/>
      </rPr>
      <t>年度報紙訂購及派送</t>
    </r>
  </si>
  <si>
    <t>98.11.05</t>
  </si>
  <si>
    <t>9822</t>
  </si>
  <si>
    <r>
      <rPr>
        <sz val="12"/>
        <color rgb="FF000000"/>
        <rFont val="標楷體"/>
        <family val="4"/>
        <charset val="136"/>
      </rPr>
      <t>刊登平面媒體（報紙）廣告</t>
    </r>
  </si>
  <si>
    <t>98.09.29</t>
  </si>
  <si>
    <r>
      <rPr>
        <sz val="12"/>
        <color rgb="FF000000"/>
        <rFont val="標楷體"/>
        <family val="4"/>
        <charset val="136"/>
      </rPr>
      <t>慶豐廣告社</t>
    </r>
  </si>
  <si>
    <t>9818</t>
  </si>
  <si>
    <r>
      <rPr>
        <sz val="12"/>
        <color rgb="FF000000"/>
        <rFont val="標楷體"/>
        <family val="4"/>
        <charset val="136"/>
      </rPr>
      <t>委外事務人員</t>
    </r>
    <r>
      <rPr>
        <sz val="12"/>
        <color rgb="FF000000"/>
        <rFont val="Times New Roman"/>
        <family val="1"/>
      </rPr>
      <t>1</t>
    </r>
    <r>
      <rPr>
        <sz val="12"/>
        <color rgb="FF000000"/>
        <rFont val="標楷體"/>
        <family val="4"/>
        <charset val="136"/>
      </rPr>
      <t>名</t>
    </r>
  </si>
  <si>
    <t>98.09.09</t>
  </si>
  <si>
    <r>
      <rPr>
        <sz val="12"/>
        <color rgb="FF000000"/>
        <rFont val="標楷體"/>
        <family val="4"/>
        <charset val="136"/>
      </rPr>
      <t>特利潔物業管理有限公司</t>
    </r>
  </si>
  <si>
    <t>9820</t>
  </si>
  <si>
    <r>
      <rPr>
        <sz val="12"/>
        <color rgb="FF000000"/>
        <rFont val="標楷體"/>
        <family val="4"/>
        <charset val="136"/>
      </rPr>
      <t>電子白板筆</t>
    </r>
  </si>
  <si>
    <t>98.08.28</t>
  </si>
  <si>
    <r>
      <rPr>
        <sz val="12"/>
        <color rgb="FF000000"/>
        <rFont val="標楷體"/>
        <family val="4"/>
        <charset val="136"/>
      </rPr>
      <t>三葛工業股份有限公司</t>
    </r>
  </si>
  <si>
    <t>9821</t>
  </si>
  <si>
    <r>
      <rPr>
        <sz val="12"/>
        <color rgb="FF000000"/>
        <rFont val="標楷體"/>
        <family val="4"/>
        <charset val="136"/>
      </rPr>
      <t>人身保險要保書監理規範之研究</t>
    </r>
  </si>
  <si>
    <t>98.08.04</t>
  </si>
  <si>
    <t>9817</t>
  </si>
  <si>
    <r>
      <rPr>
        <sz val="12"/>
        <color rgb="FF000000"/>
        <rFont val="標楷體"/>
        <family val="4"/>
        <charset val="136"/>
      </rPr>
      <t>「</t>
    </r>
    <r>
      <rPr>
        <sz val="12"/>
        <color rgb="FF000000"/>
        <rFont val="Times New Roman"/>
        <family val="1"/>
      </rPr>
      <t>98</t>
    </r>
    <r>
      <rPr>
        <sz val="12"/>
        <color rgb="FF000000"/>
        <rFont val="標楷體"/>
        <family val="4"/>
        <charset val="136"/>
      </rPr>
      <t>年度金融基礎教材教案徵選活動」委辦</t>
    </r>
  </si>
  <si>
    <t>98.07.15</t>
  </si>
  <si>
    <r>
      <rPr>
        <sz val="12"/>
        <color rgb="FF000000"/>
        <rFont val="標楷體"/>
        <family val="4"/>
        <charset val="136"/>
      </rPr>
      <t>中華民國教育改革協會</t>
    </r>
  </si>
  <si>
    <t>9816</t>
  </si>
  <si>
    <r>
      <rPr>
        <sz val="12"/>
        <color rgb="FF000000"/>
        <rFont val="標楷體"/>
        <family val="4"/>
        <charset val="136"/>
      </rPr>
      <t>金融基礎教材及金融基礎教材手冊印製及倉儲暨委託寄送管理</t>
    </r>
  </si>
  <si>
    <t>98.07.09</t>
  </si>
  <si>
    <t>9814</t>
  </si>
  <si>
    <r>
      <rPr>
        <sz val="12"/>
        <color rgb="FF000000"/>
        <rFont val="標楷體"/>
        <family val="4"/>
        <charset val="136"/>
      </rPr>
      <t>進用</t>
    </r>
    <r>
      <rPr>
        <sz val="12"/>
        <color rgb="FF000000"/>
        <rFont val="Times New Roman"/>
        <family val="1"/>
      </rPr>
      <t>4</t>
    </r>
    <r>
      <rPr>
        <sz val="12"/>
        <color rgb="FF000000"/>
        <rFont val="標楷體"/>
        <family val="4"/>
        <charset val="136"/>
      </rPr>
      <t>名事務人員</t>
    </r>
  </si>
  <si>
    <t>98.06.30</t>
  </si>
  <si>
    <r>
      <rPr>
        <sz val="12"/>
        <color rgb="FF000000"/>
        <rFont val="標楷體"/>
        <family val="4"/>
        <charset val="136"/>
      </rPr>
      <t>九鼎知識整合行銷有限公司</t>
    </r>
  </si>
  <si>
    <t>9812</t>
  </si>
  <si>
    <r>
      <rPr>
        <sz val="12"/>
        <color rgb="FF000000"/>
        <rFont val="標楷體"/>
        <family val="4"/>
        <charset val="136"/>
      </rPr>
      <t>進用</t>
    </r>
    <r>
      <rPr>
        <sz val="12"/>
        <color rgb="FF000000"/>
        <rFont val="Times New Roman"/>
        <family val="1"/>
      </rPr>
      <t>1</t>
    </r>
    <r>
      <rPr>
        <sz val="12"/>
        <color rgb="FF000000"/>
        <rFont val="標楷體"/>
        <family val="4"/>
        <charset val="136"/>
      </rPr>
      <t>名</t>
    </r>
    <r>
      <rPr>
        <sz val="12"/>
        <color rgb="FF000000"/>
        <rFont val="標楷體"/>
        <family val="4"/>
        <charset val="136"/>
      </rPr>
      <t>辦事員及</t>
    </r>
    <r>
      <rPr>
        <sz val="12"/>
        <color rgb="FF000000"/>
        <rFont val="Times New Roman"/>
        <family val="1"/>
      </rPr>
      <t>1</t>
    </r>
    <r>
      <rPr>
        <sz val="12"/>
        <color rgb="FF000000"/>
        <rFont val="標楷體"/>
        <family val="4"/>
        <charset val="136"/>
      </rPr>
      <t>名行政助理採用</t>
    </r>
    <r>
      <rPr>
        <sz val="12"/>
        <color rgb="FF000000"/>
        <rFont val="標楷體"/>
        <family val="4"/>
        <charset val="136"/>
      </rPr>
      <t>案</t>
    </r>
  </si>
  <si>
    <t>98.06.12</t>
  </si>
  <si>
    <r>
      <rPr>
        <sz val="12"/>
        <color rgb="FF000000"/>
        <rFont val="標楷體"/>
        <family val="4"/>
        <charset val="136"/>
      </rPr>
      <t>勁誠人力有限公司</t>
    </r>
  </si>
  <si>
    <t>9811</t>
  </si>
  <si>
    <r>
      <rPr>
        <sz val="12"/>
        <color rgb="FF000000"/>
        <rFont val="標楷體"/>
        <family val="4"/>
        <charset val="136"/>
      </rPr>
      <t>「校園金融知識基礎教材開發及教師研習活動」</t>
    </r>
    <r>
      <rPr>
        <sz val="12"/>
        <color rgb="FF000000"/>
        <rFont val="標楷體"/>
        <family val="4"/>
        <charset val="136"/>
      </rPr>
      <t>委託代辦</t>
    </r>
  </si>
  <si>
    <t>98.05.27</t>
  </si>
  <si>
    <r>
      <rPr>
        <sz val="12"/>
        <color rgb="FF000000"/>
        <rFont val="標楷體"/>
        <family val="4"/>
        <charset val="136"/>
      </rPr>
      <t>中華民國財金智慧教育推廣協會</t>
    </r>
  </si>
  <si>
    <t>9810</t>
  </si>
  <si>
    <r>
      <rPr>
        <sz val="12"/>
        <color rgb="FF000000"/>
        <rFont val="標楷體"/>
        <family val="4"/>
        <charset val="136"/>
      </rPr>
      <t>保險業股權管理之研究及其監理方向</t>
    </r>
  </si>
  <si>
    <t>98.05.20</t>
  </si>
  <si>
    <r>
      <rPr>
        <sz val="12"/>
        <color rgb="FF000000"/>
        <rFont val="標楷體"/>
        <family val="4"/>
        <charset val="136"/>
      </rPr>
      <t>建業法律事務所</t>
    </r>
  </si>
  <si>
    <t>9809</t>
  </si>
  <si>
    <r>
      <t>97</t>
    </r>
    <r>
      <rPr>
        <sz val="12"/>
        <color rgb="FF000000"/>
        <rFont val="標楷體"/>
        <family val="4"/>
        <charset val="136"/>
      </rPr>
      <t>年度壽險業精算簽證報告覆閱委託代辦</t>
    </r>
  </si>
  <si>
    <t>9808</t>
  </si>
  <si>
    <r>
      <t>97</t>
    </r>
    <r>
      <rPr>
        <sz val="12"/>
        <color rgb="FF000000"/>
        <rFont val="標楷體"/>
        <family val="4"/>
        <charset val="136"/>
      </rPr>
      <t>年度產險業精算簽證報告覆閱委託代辦案</t>
    </r>
  </si>
  <si>
    <t>98.05.19</t>
  </si>
  <si>
    <r>
      <rPr>
        <sz val="12"/>
        <color rgb="FF000000"/>
        <rFont val="標楷體"/>
        <family val="4"/>
        <charset val="136"/>
      </rPr>
      <t>財團法人逢甲大學</t>
    </r>
  </si>
  <si>
    <t>9807</t>
  </si>
  <si>
    <r>
      <rPr>
        <sz val="12"/>
        <color rgb="FF000000"/>
        <rFont val="標楷體"/>
        <family val="4"/>
        <charset val="136"/>
      </rPr>
      <t>國際精算實務處理準則於國內實施之可行性研究</t>
    </r>
  </si>
  <si>
    <t>98.05.07</t>
  </si>
  <si>
    <r>
      <rPr>
        <sz val="12"/>
        <color rgb="FF000000"/>
        <rFont val="標楷體"/>
        <family val="4"/>
        <charset val="136"/>
      </rPr>
      <t>中華民國精算學會</t>
    </r>
  </si>
  <si>
    <t>9806</t>
  </si>
  <si>
    <r>
      <rPr>
        <sz val="12"/>
        <color rgb="FF000000"/>
        <rFont val="標楷體"/>
        <family val="4"/>
        <charset val="136"/>
      </rPr>
      <t>「</t>
    </r>
    <r>
      <rPr>
        <sz val="12"/>
        <color rgb="FF000000"/>
        <rFont val="Times New Roman"/>
        <family val="1"/>
      </rPr>
      <t>2009</t>
    </r>
    <r>
      <rPr>
        <sz val="12"/>
        <color rgb="FF000000"/>
        <rFont val="標楷體"/>
        <family val="4"/>
        <charset val="136"/>
      </rPr>
      <t>年國際保險監理官協會（</t>
    </r>
    <r>
      <rPr>
        <sz val="12"/>
        <color rgb="FF000000"/>
        <rFont val="Times New Roman"/>
        <family val="1"/>
      </rPr>
      <t>IAIS</t>
    </r>
    <r>
      <rPr>
        <sz val="12"/>
        <color rgb="FF000000"/>
        <rFont val="標楷體"/>
        <family val="4"/>
        <charset val="136"/>
      </rPr>
      <t>）委員會議及全球研討會」委辦</t>
    </r>
  </si>
  <si>
    <t>98.04.08</t>
  </si>
  <si>
    <r>
      <rPr>
        <sz val="12"/>
        <color rgb="FF000000"/>
        <rFont val="標楷體"/>
        <family val="4"/>
        <charset val="136"/>
      </rPr>
      <t>集思國際會議顧問有限公司</t>
    </r>
  </si>
  <si>
    <t>9804</t>
  </si>
  <si>
    <t>9803</t>
  </si>
  <si>
    <t>98.01.17</t>
  </si>
  <si>
    <t>9802</t>
  </si>
  <si>
    <r>
      <rPr>
        <sz val="12"/>
        <color rgb="FF000000"/>
        <rFont val="標楷體"/>
        <family val="4"/>
        <charset val="136"/>
      </rPr>
      <t>監理機關評估保險業不動產投資風險之模型</t>
    </r>
  </si>
  <si>
    <t>9801</t>
  </si>
  <si>
    <r>
      <t>2009</t>
    </r>
    <r>
      <rPr>
        <sz val="12"/>
        <color rgb="FF000000"/>
        <rFont val="標楷體"/>
        <family val="4"/>
        <charset val="136"/>
      </rPr>
      <t>年第</t>
    </r>
    <r>
      <rPr>
        <sz val="12"/>
        <color rgb="FF000000"/>
        <rFont val="Times New Roman"/>
        <family val="1"/>
      </rPr>
      <t>4</t>
    </r>
    <r>
      <rPr>
        <sz val="12"/>
        <color rgb="FF000000"/>
        <rFont val="標楷體"/>
        <family val="4"/>
        <charset val="136"/>
      </rPr>
      <t>屆亞洲保險監理官論壇</t>
    </r>
    <r>
      <rPr>
        <sz val="12"/>
        <color rgb="FF000000"/>
        <rFont val="Times New Roman"/>
        <family val="1"/>
      </rPr>
      <t xml:space="preserve">   </t>
    </r>
    <r>
      <rPr>
        <sz val="12"/>
        <color rgb="FF000000"/>
        <rFont val="標楷體"/>
        <family val="4"/>
        <charset val="136"/>
      </rPr>
      <t>（</t>
    </r>
    <r>
      <rPr>
        <sz val="12"/>
        <color rgb="FF000000"/>
        <rFont val="Times New Roman"/>
        <family val="1"/>
      </rPr>
      <t>AFIR</t>
    </r>
    <r>
      <rPr>
        <sz val="12"/>
        <color rgb="FF000000"/>
        <rFont val="標楷體"/>
        <family val="4"/>
        <charset val="136"/>
      </rPr>
      <t>）場地租借</t>
    </r>
  </si>
  <si>
    <r>
      <rPr>
        <sz val="12"/>
        <color rgb="FF000000"/>
        <rFont val="標楷體"/>
        <family val="4"/>
        <charset val="136"/>
      </rPr>
      <t>豐隆大飯店（股）公司台北君悅大飯店</t>
    </r>
  </si>
  <si>
    <t>9723</t>
  </si>
  <si>
    <r>
      <rPr>
        <sz val="12"/>
        <color rgb="FF000000"/>
        <rFont val="標楷體"/>
        <family val="4"/>
        <charset val="136"/>
      </rPr>
      <t>團體保險商品監理措施改進之研究</t>
    </r>
  </si>
  <si>
    <t>98.01.13</t>
  </si>
  <si>
    <t>9930</t>
  </si>
  <si>
    <t>98.01.06</t>
  </si>
  <si>
    <r>
      <rPr>
        <sz val="12"/>
        <color rgb="FF000000"/>
        <rFont val="標楷體"/>
        <family val="4"/>
        <charset val="136"/>
      </rPr>
      <t>佰佳服務有限公司</t>
    </r>
  </si>
  <si>
    <t>9725</t>
  </si>
  <si>
    <r>
      <rPr>
        <sz val="12"/>
        <color rgb="FF000000"/>
        <rFont val="標楷體"/>
        <family val="4"/>
        <charset val="136"/>
      </rPr>
      <t>帝潔有限公司</t>
    </r>
  </si>
  <si>
    <t>9724</t>
  </si>
  <si>
    <t>97.12.30</t>
  </si>
  <si>
    <t>9722</t>
  </si>
  <si>
    <r>
      <rPr>
        <sz val="12"/>
        <color rgb="FF000000"/>
        <rFont val="標楷體"/>
        <family val="4"/>
        <charset val="136"/>
      </rPr>
      <t>「</t>
    </r>
    <r>
      <rPr>
        <sz val="12"/>
        <color rgb="FF000000"/>
        <rFont val="Times New Roman"/>
        <family val="1"/>
      </rPr>
      <t>RBC</t>
    </r>
    <r>
      <rPr>
        <sz val="12"/>
        <color rgb="FF000000"/>
        <rFont val="標楷體"/>
        <family val="4"/>
        <charset val="136"/>
      </rPr>
      <t>制度以</t>
    </r>
    <r>
      <rPr>
        <sz val="12"/>
        <color rgb="FF000000"/>
        <rFont val="Times New Roman"/>
        <family val="1"/>
      </rPr>
      <t>β</t>
    </r>
    <r>
      <rPr>
        <sz val="12"/>
        <color rgb="FF000000"/>
        <rFont val="標楷體"/>
        <family val="4"/>
        <charset val="136"/>
      </rPr>
      <t>值調整係數之方法論所需資料庫系統軟體」</t>
    </r>
    <r>
      <rPr>
        <sz val="12"/>
        <color rgb="FF000000"/>
        <rFont val="標楷體"/>
        <family val="4"/>
        <charset val="136"/>
      </rPr>
      <t xml:space="preserve">
資料庫暨系統使用</t>
    </r>
  </si>
  <si>
    <t>97.12.17</t>
  </si>
  <si>
    <t>9721</t>
  </si>
  <si>
    <t>97.12.02</t>
  </si>
  <si>
    <r>
      <rPr>
        <sz val="12"/>
        <color rgb="FF000000"/>
        <rFont val="標楷體"/>
        <family val="4"/>
        <charset val="136"/>
      </rPr>
      <t>得士派人力資源顧問（股）公司</t>
    </r>
  </si>
  <si>
    <t>9719</t>
  </si>
  <si>
    <r>
      <rPr>
        <sz val="12"/>
        <color rgb="FF000000"/>
        <rFont val="標楷體"/>
        <family val="4"/>
        <charset val="136"/>
      </rPr>
      <t>保險概念網路互動遊戲及抽獎活動系統軟體擴充及維護</t>
    </r>
  </si>
  <si>
    <t>97.11.21</t>
  </si>
  <si>
    <r>
      <rPr>
        <sz val="12"/>
        <color rgb="FF000000"/>
        <rFont val="標楷體"/>
        <family val="4"/>
        <charset val="136"/>
      </rPr>
      <t>獵首數位整合行銷（股）公司</t>
    </r>
  </si>
  <si>
    <t>9720</t>
  </si>
  <si>
    <r>
      <t>3.5G</t>
    </r>
    <r>
      <rPr>
        <sz val="12"/>
        <color rgb="FF000000"/>
        <rFont val="標楷體"/>
        <family val="4"/>
        <charset val="136"/>
      </rPr>
      <t>行動門號租賃</t>
    </r>
  </si>
  <si>
    <t>97.11.14</t>
  </si>
  <si>
    <r>
      <rPr>
        <sz val="12"/>
        <color rgb="FF000000"/>
        <rFont val="標楷體"/>
        <family val="4"/>
        <charset val="136"/>
      </rPr>
      <t>中華電信（股）公司台灣北區電信分公司</t>
    </r>
  </si>
  <si>
    <t>9718</t>
  </si>
  <si>
    <r>
      <rPr>
        <sz val="12"/>
        <color rgb="FF000000"/>
        <rFont val="標楷體"/>
        <family val="4"/>
        <charset val="136"/>
      </rPr>
      <t>教師理財教育教學研習營委辦</t>
    </r>
  </si>
  <si>
    <t>97.11.04</t>
  </si>
  <si>
    <t>9716</t>
  </si>
  <si>
    <r>
      <rPr>
        <sz val="12"/>
        <color rgb="FF000000"/>
        <rFont val="標楷體"/>
        <family val="4"/>
        <charset val="136"/>
      </rPr>
      <t>「保險業公司治理實務教育訓練班」委辦</t>
    </r>
  </si>
  <si>
    <t>97.10.27</t>
  </si>
  <si>
    <t>9713</t>
  </si>
  <si>
    <r>
      <rPr>
        <sz val="12"/>
        <color rgb="FF000000"/>
        <rFont val="標楷體"/>
        <family val="4"/>
        <charset val="136"/>
      </rPr>
      <t>保險申訴制度檢討及改進</t>
    </r>
  </si>
  <si>
    <t>9717</t>
  </si>
  <si>
    <r>
      <rPr>
        <sz val="12"/>
        <color rgb="FF000000"/>
        <rFont val="標楷體"/>
        <family val="4"/>
        <charset val="136"/>
      </rPr>
      <t>財務會計準則公報第</t>
    </r>
    <r>
      <rPr>
        <sz val="12"/>
        <color rgb="FF000000"/>
        <rFont val="Times New Roman"/>
        <family val="1"/>
      </rPr>
      <t>40</t>
    </r>
    <r>
      <rPr>
        <sz val="12"/>
        <color rgb="FF000000"/>
        <rFont val="標楷體"/>
        <family val="4"/>
        <charset val="136"/>
      </rPr>
      <t>號「保險合約之會計處理準則」對保險監理法令及監理報表影響之研究</t>
    </r>
  </si>
  <si>
    <t>97.10.15</t>
  </si>
  <si>
    <r>
      <rPr>
        <sz val="12"/>
        <color rgb="FF000000"/>
        <rFont val="標楷體"/>
        <family val="4"/>
        <charset val="136"/>
      </rPr>
      <t>資誠會計師事務所</t>
    </r>
  </si>
  <si>
    <t>9714</t>
  </si>
  <si>
    <r>
      <rPr>
        <sz val="12"/>
        <color rgb="FF000000"/>
        <rFont val="標楷體"/>
        <family val="4"/>
        <charset val="136"/>
      </rPr>
      <t>投資型保險監理之研究</t>
    </r>
  </si>
  <si>
    <t>97.10.06</t>
  </si>
  <si>
    <t>9715</t>
  </si>
  <si>
    <r>
      <rPr>
        <sz val="12"/>
        <color rgb="FF000000"/>
        <rFont val="標楷體"/>
        <family val="4"/>
        <charset val="136"/>
      </rPr>
      <t>我國保險業資訊揭露與國際接軌之研究</t>
    </r>
  </si>
  <si>
    <t>97.09.24</t>
  </si>
  <si>
    <t>9712</t>
  </si>
  <si>
    <r>
      <rPr>
        <sz val="12"/>
        <color rgb="FF000000"/>
        <rFont val="標楷體"/>
        <family val="4"/>
        <charset val="136"/>
      </rPr>
      <t>「</t>
    </r>
    <r>
      <rPr>
        <sz val="12"/>
        <color rgb="FF000000"/>
        <rFont val="Times New Roman"/>
        <family val="1"/>
      </rPr>
      <t>97</t>
    </r>
    <r>
      <rPr>
        <sz val="12"/>
        <color rgb="FF000000"/>
        <rFont val="標楷體"/>
        <family val="4"/>
        <charset val="136"/>
      </rPr>
      <t>年度推動保障型及年金保險商品宣導活動」委辦案</t>
    </r>
  </si>
  <si>
    <t>97.09.19</t>
  </si>
  <si>
    <t>9709</t>
  </si>
  <si>
    <r>
      <rPr>
        <sz val="12"/>
        <color rgb="FF000000"/>
        <rFont val="標楷體"/>
        <family val="4"/>
        <charset val="136"/>
      </rPr>
      <t>『聰明金融家手冊』及『聰明金融家</t>
    </r>
    <r>
      <rPr>
        <sz val="12"/>
        <color rgb="FF000000"/>
        <rFont val="Times New Roman"/>
        <family val="1"/>
      </rPr>
      <t>workbook</t>
    </r>
    <r>
      <rPr>
        <sz val="12"/>
        <color rgb="FF000000"/>
        <rFont val="標楷體"/>
        <family val="4"/>
        <charset val="136"/>
      </rPr>
      <t>』印製及倉儲寄送管理</t>
    </r>
  </si>
  <si>
    <t>97.09.14</t>
  </si>
  <si>
    <r>
      <rPr>
        <sz val="12"/>
        <color rgb="FF000000"/>
        <rFont val="標楷體"/>
        <family val="4"/>
        <charset val="136"/>
      </rPr>
      <t>承印實業股份有限公司</t>
    </r>
  </si>
  <si>
    <t>9708</t>
  </si>
  <si>
    <r>
      <t>96</t>
    </r>
    <r>
      <rPr>
        <sz val="12"/>
        <color rgb="FF000000"/>
        <rFont val="標楷體"/>
        <family val="4"/>
        <charset val="136"/>
      </rPr>
      <t>年度壽險業精算簽證報告覆閱委託代辦</t>
    </r>
  </si>
  <si>
    <t>97.06.10</t>
  </si>
  <si>
    <t>9706</t>
  </si>
  <si>
    <r>
      <t>97</t>
    </r>
    <r>
      <rPr>
        <sz val="12"/>
        <color rgb="FF000000"/>
        <rFont val="標楷體"/>
        <family val="4"/>
        <charset val="136"/>
      </rPr>
      <t>年度金融知識深根校園暨志工培訓委辦計劃</t>
    </r>
  </si>
  <si>
    <t>97.05.27</t>
  </si>
  <si>
    <t>9705</t>
  </si>
  <si>
    <r>
      <t>96</t>
    </r>
    <r>
      <rPr>
        <sz val="12"/>
        <color rgb="FF000000"/>
        <rFont val="標楷體"/>
        <family val="4"/>
        <charset val="136"/>
      </rPr>
      <t>年度產險業精算簽證報告覆閱委託代辦</t>
    </r>
  </si>
  <si>
    <t>97.05.14</t>
  </si>
  <si>
    <t>9704</t>
  </si>
  <si>
    <r>
      <rPr>
        <sz val="12"/>
        <color rgb="FF000000"/>
        <rFont val="標楷體"/>
        <family val="4"/>
        <charset val="136"/>
      </rPr>
      <t>保險業從事衍生性金融商品避險之監理架構</t>
    </r>
  </si>
  <si>
    <t>97.05.13</t>
  </si>
  <si>
    <t>9703</t>
  </si>
  <si>
    <r>
      <rPr>
        <sz val="12"/>
        <color rgb="FF000000"/>
        <rFont val="標楷體"/>
        <family val="4"/>
        <charset val="136"/>
      </rPr>
      <t>監理機關評估保險業國外投資風險模型研究計畫</t>
    </r>
  </si>
  <si>
    <t>97.04.10</t>
  </si>
  <si>
    <t>9702</t>
  </si>
  <si>
    <r>
      <rPr>
        <sz val="12"/>
        <color rgb="FF000000"/>
        <rFont val="標楷體"/>
        <family val="4"/>
        <charset val="136"/>
      </rPr>
      <t>進用</t>
    </r>
    <r>
      <rPr>
        <sz val="12"/>
        <color rgb="FF000000"/>
        <rFont val="Times New Roman"/>
        <family val="1"/>
      </rPr>
      <t>7</t>
    </r>
    <r>
      <rPr>
        <sz val="12"/>
        <color rgb="FF000000"/>
        <rFont val="標楷體"/>
        <family val="4"/>
        <charset val="136"/>
      </rPr>
      <t>名工讀生及</t>
    </r>
    <r>
      <rPr>
        <sz val="12"/>
        <color rgb="FF000000"/>
        <rFont val="Times New Roman"/>
        <family val="1"/>
      </rPr>
      <t>1</t>
    </r>
    <r>
      <rPr>
        <sz val="12"/>
        <color rgb="FF000000"/>
        <rFont val="標楷體"/>
        <family val="4"/>
        <charset val="136"/>
      </rPr>
      <t>名行政助理</t>
    </r>
  </si>
  <si>
    <t>97.04.09</t>
  </si>
  <si>
    <r>
      <rPr>
        <sz val="12"/>
        <color rgb="FF000000"/>
        <rFont val="標楷體"/>
        <family val="4"/>
        <charset val="136"/>
      </rPr>
      <t>祐袖有限公司</t>
    </r>
  </si>
  <si>
    <t>9701</t>
  </si>
  <si>
    <t>97.03.04</t>
  </si>
  <si>
    <r>
      <rPr>
        <sz val="12"/>
        <color rgb="FF000000"/>
        <rFont val="標楷體"/>
        <family val="4"/>
        <charset val="136"/>
      </rPr>
      <t>首席科技有限公司</t>
    </r>
  </si>
  <si>
    <t>9830A</t>
  </si>
  <si>
    <r>
      <rPr>
        <sz val="12"/>
        <color rgb="FF000000"/>
        <rFont val="標楷體"/>
        <family val="4"/>
        <charset val="136"/>
      </rPr>
      <t>身心障礙者投保相關法令與實務問題之檢討</t>
    </r>
  </si>
  <si>
    <t>97.02.20</t>
  </si>
  <si>
    <t>9619</t>
  </si>
  <si>
    <r>
      <t>RBC</t>
    </r>
    <r>
      <rPr>
        <sz val="12"/>
        <color rgb="FF000000"/>
        <rFont val="標楷體"/>
        <family val="4"/>
        <charset val="136"/>
      </rPr>
      <t>制度以</t>
    </r>
    <r>
      <rPr>
        <sz val="12"/>
        <color rgb="FF000000"/>
        <rFont val="Times New Roman"/>
        <family val="1"/>
      </rPr>
      <t>B</t>
    </r>
    <r>
      <rPr>
        <sz val="12"/>
        <color rgb="FF000000"/>
        <rFont val="標楷體"/>
        <family val="4"/>
        <charset val="136"/>
      </rPr>
      <t>值調整係數之方法論所需資料庫系統軟體</t>
    </r>
  </si>
  <si>
    <t>96.12.26</t>
  </si>
  <si>
    <t>9618</t>
  </si>
  <si>
    <r>
      <rPr>
        <sz val="12"/>
        <color rgb="FF000000"/>
        <rFont val="標楷體"/>
        <family val="4"/>
        <charset val="136"/>
      </rPr>
      <t>「保險概念網路互動遊戲及抽獎活動」系統軟體擴充及維護</t>
    </r>
  </si>
  <si>
    <t>96.11.28</t>
  </si>
  <si>
    <r>
      <rPr>
        <sz val="12"/>
        <color rgb="FF000000"/>
        <rFont val="標楷體"/>
        <family val="4"/>
        <charset val="136"/>
      </rPr>
      <t>獵首企管顧問股份有限公司</t>
    </r>
  </si>
  <si>
    <t>950704</t>
  </si>
  <si>
    <r>
      <rPr>
        <sz val="12"/>
        <color rgb="FF000000"/>
        <rFont val="標楷體"/>
        <family val="4"/>
        <charset val="136"/>
      </rPr>
      <t>委託處理國華產物保險股份有限公司董事王錦標不服本會行政處分提起行政訴訟案</t>
    </r>
  </si>
  <si>
    <t>96.11.27</t>
  </si>
  <si>
    <t>9617</t>
  </si>
  <si>
    <r>
      <rPr>
        <sz val="12"/>
        <color rgb="FF000000"/>
        <rFont val="標楷體"/>
        <family val="4"/>
        <charset val="136"/>
      </rPr>
      <t>「高中教師金融知識研習營」委辦案</t>
    </r>
  </si>
  <si>
    <t>96.11.06</t>
  </si>
  <si>
    <r>
      <rPr>
        <sz val="12"/>
        <color rgb="FF000000"/>
        <rFont val="標楷體"/>
        <family val="4"/>
        <charset val="136"/>
      </rPr>
      <t>財團法人金融研訓院</t>
    </r>
  </si>
  <si>
    <t>9616</t>
  </si>
  <si>
    <r>
      <t>96</t>
    </r>
    <r>
      <rPr>
        <sz val="12"/>
        <color rgb="FF000000"/>
        <rFont val="標楷體"/>
        <family val="4"/>
        <charset val="136"/>
      </rPr>
      <t>年度保險業公司治理實務教育訓練班</t>
    </r>
  </si>
  <si>
    <t>96.10.30</t>
  </si>
  <si>
    <t>9615</t>
  </si>
  <si>
    <r>
      <rPr>
        <sz val="12"/>
        <color rgb="FF000000"/>
        <rFont val="標楷體"/>
        <family val="4"/>
        <charset val="136"/>
      </rPr>
      <t>校園金融知識基礎教材開發委辦案</t>
    </r>
  </si>
  <si>
    <t>96.10.19</t>
  </si>
  <si>
    <t>9614</t>
  </si>
  <si>
    <r>
      <rPr>
        <sz val="12"/>
        <color rgb="FF000000"/>
        <rFont val="標楷體"/>
        <family val="4"/>
        <charset val="136"/>
      </rPr>
      <t>微型保險商品（</t>
    </r>
    <r>
      <rPr>
        <sz val="12"/>
        <color rgb="FF000000"/>
        <rFont val="Times New Roman"/>
        <family val="1"/>
      </rPr>
      <t>MICROINSURANCE)</t>
    </r>
    <r>
      <rPr>
        <sz val="12"/>
        <color rgb="FF000000"/>
        <rFont val="標楷體"/>
        <family val="4"/>
        <charset val="136"/>
      </rPr>
      <t>發展之可行性與其監理措施之研究</t>
    </r>
  </si>
  <si>
    <t>96.10.12</t>
  </si>
  <si>
    <t>9613</t>
  </si>
  <si>
    <r>
      <rPr>
        <sz val="12"/>
        <color rgb="FF000000"/>
        <rFont val="標楷體"/>
        <family val="4"/>
        <charset val="136"/>
      </rPr>
      <t>附保證給付投資型保險商品監理之研究</t>
    </r>
  </si>
  <si>
    <t>96.08.07</t>
  </si>
  <si>
    <t>9612</t>
  </si>
  <si>
    <r>
      <rPr>
        <sz val="12"/>
        <color rgb="FF000000"/>
        <rFont val="標楷體"/>
        <family val="4"/>
        <charset val="136"/>
      </rPr>
      <t>保險多元行銷通路之管理</t>
    </r>
  </si>
  <si>
    <t>96.07.27</t>
  </si>
  <si>
    <t>9611</t>
  </si>
  <si>
    <r>
      <rPr>
        <sz val="12"/>
        <color rgb="FF000000"/>
        <rFont val="標楷體"/>
        <family val="4"/>
        <charset val="136"/>
      </rPr>
      <t>我國再保險制度與法規之研究</t>
    </r>
  </si>
  <si>
    <t>96.07.18</t>
  </si>
  <si>
    <r>
      <rPr>
        <sz val="12"/>
        <color rgb="FF000000"/>
        <rFont val="標楷體"/>
        <family val="4"/>
        <charset val="136"/>
      </rPr>
      <t>植根法律事務所</t>
    </r>
  </si>
  <si>
    <t>9610</t>
  </si>
  <si>
    <r>
      <rPr>
        <sz val="12"/>
        <color rgb="FF000000"/>
        <rFont val="標楷體"/>
        <family val="4"/>
        <charset val="136"/>
      </rPr>
      <t>國際保險會計與精算監理趨勢之研究</t>
    </r>
  </si>
  <si>
    <t>96.07.02</t>
  </si>
  <si>
    <t>950602</t>
  </si>
  <si>
    <r>
      <rPr>
        <sz val="12"/>
        <color rgb="FF000000"/>
        <rFont val="標楷體"/>
        <family val="4"/>
        <charset val="136"/>
      </rPr>
      <t>保險契約會計</t>
    </r>
    <r>
      <rPr>
        <sz val="12"/>
        <color rgb="FF000000"/>
        <rFont val="Times New Roman"/>
        <family val="1"/>
      </rPr>
      <t xml:space="preserve">IFRS 4 INSURANCE c ONTRACT </t>
    </r>
    <r>
      <rPr>
        <sz val="12"/>
        <color rgb="FF000000"/>
        <rFont val="標楷體"/>
        <family val="4"/>
        <charset val="136"/>
      </rPr>
      <t>研究計畫</t>
    </r>
  </si>
  <si>
    <t>96.06.30</t>
  </si>
  <si>
    <r>
      <rPr>
        <sz val="12"/>
        <color rgb="FF000000"/>
        <rFont val="標楷體"/>
        <family val="4"/>
        <charset val="136"/>
      </rPr>
      <t>財團法人中華民國會計研究發展基金會</t>
    </r>
  </si>
  <si>
    <t>9609</t>
  </si>
  <si>
    <r>
      <rPr>
        <sz val="12"/>
        <color rgb="FF000000"/>
        <rFont val="標楷體"/>
        <family val="4"/>
        <charset val="136"/>
      </rPr>
      <t>金融知識深根校園暨志工培訓</t>
    </r>
  </si>
  <si>
    <t>96.05.29</t>
  </si>
  <si>
    <r>
      <rPr>
        <sz val="12"/>
        <color rgb="FF000000"/>
        <rFont val="標楷體"/>
        <family val="4"/>
        <charset val="136"/>
      </rPr>
      <t>易元學習股份有限公司</t>
    </r>
  </si>
  <si>
    <t>9608</t>
  </si>
  <si>
    <t>96.05.21</t>
  </si>
  <si>
    <r>
      <rPr>
        <sz val="12"/>
        <color rgb="FF000000"/>
        <rFont val="標楷體"/>
        <family val="4"/>
        <charset val="136"/>
      </rPr>
      <t>博連股份有限公司</t>
    </r>
  </si>
  <si>
    <r>
      <t>95</t>
    </r>
    <r>
      <rPr>
        <sz val="12"/>
        <color rgb="FF000000"/>
        <rFont val="標楷體"/>
        <family val="4"/>
        <charset val="136"/>
      </rPr>
      <t>年度產險業精算簽證報告覆閱委託代辦案</t>
    </r>
  </si>
  <si>
    <t>96.05.04</t>
  </si>
  <si>
    <t>9605</t>
  </si>
  <si>
    <r>
      <rPr>
        <sz val="12"/>
        <color rgb="FF000000"/>
        <rFont val="標楷體"/>
        <family val="4"/>
        <charset val="136"/>
      </rPr>
      <t>保費不足準備金之精算實務處理釋例</t>
    </r>
  </si>
  <si>
    <t>96.05.02</t>
  </si>
  <si>
    <t>9606</t>
  </si>
  <si>
    <r>
      <t>95</t>
    </r>
    <r>
      <rPr>
        <sz val="12"/>
        <color rgb="FF000000"/>
        <rFont val="標楷體"/>
        <family val="4"/>
        <charset val="136"/>
      </rPr>
      <t>年度壽險業精算簽證報告覆閱委託代辦案</t>
    </r>
  </si>
  <si>
    <t>96.04.20</t>
  </si>
  <si>
    <t>9604</t>
  </si>
  <si>
    <r>
      <rPr>
        <sz val="12"/>
        <color rgb="FF000000"/>
        <rFont val="標楷體"/>
        <family val="4"/>
        <charset val="136"/>
      </rPr>
      <t>壽險業準備金適足性採隨機模式檢測：他國監理相關規範之研究及我國可行之監理方式</t>
    </r>
  </si>
  <si>
    <t>96.04.18</t>
  </si>
  <si>
    <t>9603</t>
  </si>
  <si>
    <r>
      <rPr>
        <sz val="12"/>
        <color rgb="FF000000"/>
        <rFont val="標楷體"/>
        <family val="4"/>
        <charset val="136"/>
      </rPr>
      <t>長年期健康保險發展之可行性與風險控管暨其監理</t>
    </r>
  </si>
  <si>
    <t>96.04.09</t>
  </si>
  <si>
    <r>
      <rPr>
        <sz val="12"/>
        <color rgb="FF000000"/>
        <rFont val="標楷體"/>
        <family val="4"/>
        <charset val="136"/>
      </rPr>
      <t>川誠精算顧問有限公司</t>
    </r>
  </si>
  <si>
    <t>9602</t>
  </si>
  <si>
    <r>
      <rPr>
        <sz val="12"/>
        <color rgb="FF000000"/>
        <rFont val="標楷體"/>
        <family val="4"/>
        <charset val="136"/>
      </rPr>
      <t>保險業清償能力評估</t>
    </r>
  </si>
  <si>
    <t>96.04.02</t>
  </si>
  <si>
    <t>960101</t>
  </si>
  <si>
    <r>
      <rPr>
        <sz val="12"/>
        <color rgb="FF000000"/>
        <rFont val="標楷體"/>
        <family val="4"/>
        <charset val="136"/>
      </rPr>
      <t>「</t>
    </r>
    <r>
      <rPr>
        <sz val="12"/>
        <color rgb="FF000000"/>
        <rFont val="Times New Roman"/>
        <family val="1"/>
      </rPr>
      <t>96</t>
    </r>
    <r>
      <rPr>
        <sz val="12"/>
        <color rgb="FF000000"/>
        <rFont val="標楷體"/>
        <family val="4"/>
        <charset val="136"/>
      </rPr>
      <t>年度聰明金融家教師研習營第一階段活動」</t>
    </r>
  </si>
  <si>
    <t>96.03.23</t>
  </si>
  <si>
    <r>
      <rPr>
        <sz val="12"/>
        <color rgb="FF000000"/>
        <rFont val="標楷體"/>
        <family val="4"/>
        <charset val="136"/>
      </rPr>
      <t>多元智慧科技文教事業股份有限公司</t>
    </r>
  </si>
  <si>
    <t>9726</t>
  </si>
  <si>
    <t>96.01.29</t>
  </si>
  <si>
    <r>
      <rPr>
        <sz val="12"/>
        <color rgb="FF000000"/>
        <rFont val="標楷體"/>
        <family val="4"/>
        <charset val="136"/>
      </rPr>
      <t>甲凌企業有限公司</t>
    </r>
  </si>
  <si>
    <t>951005</t>
  </si>
  <si>
    <r>
      <rPr>
        <sz val="12"/>
        <color rgb="FF000000"/>
        <rFont val="標楷體"/>
        <family val="4"/>
        <charset val="136"/>
      </rPr>
      <t>聰明金融家教師及親子手冊</t>
    </r>
  </si>
  <si>
    <t>95.12.20</t>
  </si>
  <si>
    <t>951001</t>
  </si>
  <si>
    <r>
      <rPr>
        <sz val="12"/>
        <color rgb="FF000000"/>
        <rFont val="標楷體"/>
        <family val="4"/>
        <charset val="136"/>
      </rPr>
      <t>辦理「聰明金融家教師及親子手冊編訂」委外</t>
    </r>
  </si>
  <si>
    <t>95.11.08</t>
  </si>
  <si>
    <t>950901</t>
  </si>
  <si>
    <r>
      <rPr>
        <sz val="12"/>
        <color rgb="FF000000"/>
        <rFont val="標楷體"/>
        <family val="4"/>
        <charset val="136"/>
      </rPr>
      <t>保險契約法之相關法律問題及其解決對策委託研究</t>
    </r>
  </si>
  <si>
    <t>95.10.14</t>
  </si>
  <si>
    <t>950805</t>
  </si>
  <si>
    <r>
      <t>94</t>
    </r>
    <r>
      <rPr>
        <sz val="12"/>
        <color rgb="FF000000"/>
        <rFont val="標楷體"/>
        <family val="4"/>
        <charset val="136"/>
      </rPr>
      <t>年度產險公司精算簽證報告覆閱委託代辦</t>
    </r>
  </si>
  <si>
    <t>95.09.21</t>
  </si>
  <si>
    <r>
      <t>94</t>
    </r>
    <r>
      <rPr>
        <sz val="12"/>
        <color rgb="FF000000"/>
        <rFont val="標楷體"/>
        <family val="4"/>
        <charset val="136"/>
      </rPr>
      <t>年度壽險公司精算簽證報告覆閱委託代辦</t>
    </r>
  </si>
  <si>
    <t>95.09.04</t>
  </si>
  <si>
    <r>
      <rPr>
        <sz val="12"/>
        <color rgb="FF000000"/>
        <rFont val="標楷體"/>
        <family val="4"/>
        <charset val="136"/>
      </rPr>
      <t>碩群精算管理顧問有限公司</t>
    </r>
  </si>
  <si>
    <t>950803</t>
  </si>
  <si>
    <r>
      <rPr>
        <sz val="12"/>
        <color rgb="FF000000"/>
        <rFont val="標楷體"/>
        <family val="4"/>
        <charset val="136"/>
      </rPr>
      <t>辦理「人身保險招攬費用（佣金</t>
    </r>
    <r>
      <rPr>
        <sz val="12"/>
        <color rgb="FF000000"/>
        <rFont val="Times New Roman"/>
        <family val="1"/>
      </rPr>
      <t>)</t>
    </r>
    <r>
      <rPr>
        <sz val="12"/>
        <color rgb="FF000000"/>
        <rFont val="標楷體"/>
        <family val="4"/>
        <charset val="136"/>
      </rPr>
      <t>之揭露」</t>
    </r>
  </si>
  <si>
    <t>95.08.30</t>
  </si>
  <si>
    <t>950802</t>
  </si>
  <si>
    <r>
      <rPr>
        <sz val="12"/>
        <color rgb="FF000000"/>
        <rFont val="標楷體"/>
        <family val="4"/>
        <charset val="136"/>
      </rPr>
      <t>辦理「因應高齡化社會保險商品發展及其監理與相關賦稅配套之研究」</t>
    </r>
  </si>
  <si>
    <t>95.08.22</t>
  </si>
  <si>
    <t>950703</t>
  </si>
  <si>
    <t>訂定「保險業辦理再保險業務管理辦法」、「專業再保險管理辦法」研究計畫</t>
  </si>
  <si>
    <t>95.08.11</t>
  </si>
  <si>
    <t>950801</t>
  </si>
  <si>
    <r>
      <rPr>
        <sz val="12"/>
        <color rgb="FF000000"/>
        <rFont val="標楷體"/>
        <family val="4"/>
        <charset val="136"/>
      </rPr>
      <t>辦理「保險業公司治理實務教育訓練班」</t>
    </r>
  </si>
  <si>
    <t>95.08.09</t>
  </si>
  <si>
    <t>950702</t>
  </si>
  <si>
    <r>
      <rPr>
        <sz val="12"/>
        <color rgb="FF000000"/>
        <rFont val="標楷體"/>
        <family val="4"/>
        <charset val="136"/>
      </rPr>
      <t>委託外包廠商派員到局協助處理本局秘書室事務工作</t>
    </r>
  </si>
  <si>
    <t>95.07.21</t>
  </si>
  <si>
    <r>
      <rPr>
        <sz val="12"/>
        <color rgb="FF000000"/>
        <rFont val="標楷體"/>
        <family val="4"/>
        <charset val="136"/>
      </rPr>
      <t>有限責任臺東縣原住民資料處理勞動合作社</t>
    </r>
  </si>
  <si>
    <t>950601</t>
  </si>
  <si>
    <r>
      <rPr>
        <sz val="12"/>
        <color rgb="FF000000"/>
        <rFont val="標楷體"/>
        <family val="4"/>
        <charset val="136"/>
      </rPr>
      <t>保險業資金運用暨資產配置之研究計畫</t>
    </r>
  </si>
  <si>
    <t>95.07.19</t>
  </si>
  <si>
    <t>950701</t>
  </si>
  <si>
    <r>
      <rPr>
        <sz val="12"/>
        <color rgb="FF000000"/>
        <rFont val="標楷體"/>
        <family val="4"/>
        <charset val="136"/>
      </rPr>
      <t>「壽險業經營退休金業務之研究」研究計畫</t>
    </r>
  </si>
  <si>
    <t>95.07.09</t>
  </si>
  <si>
    <t>950402</t>
  </si>
  <si>
    <r>
      <rPr>
        <sz val="12"/>
        <color rgb="FF000000"/>
        <rFont val="標楷體"/>
        <family val="4"/>
        <charset val="136"/>
      </rPr>
      <t>「保險業簽證精算人員制度檢討</t>
    </r>
    <r>
      <rPr>
        <sz val="12"/>
        <color rgb="FF000000"/>
        <rFont val="Times New Roman"/>
        <family val="1"/>
      </rPr>
      <t>--</t>
    </r>
    <r>
      <rPr>
        <sz val="12"/>
        <color rgb="FF000000"/>
        <rFont val="標楷體"/>
        <family val="4"/>
        <charset val="136"/>
      </rPr>
      <t>評估產險業再保險安排、提存賠款準備金及保費不足準備金之精算準則與實務處理釋例」</t>
    </r>
  </si>
  <si>
    <t>95.06.29</t>
  </si>
  <si>
    <t>950503</t>
  </si>
  <si>
    <r>
      <rPr>
        <sz val="12"/>
        <color rgb="FF000000"/>
        <rFont val="標楷體"/>
        <family val="4"/>
        <charset val="136"/>
      </rPr>
      <t>「我國保險代理人、經紀人制度之改革」研研計畫</t>
    </r>
  </si>
  <si>
    <t>95.06.28</t>
  </si>
  <si>
    <t>950501</t>
  </si>
  <si>
    <t>95.06.15</t>
  </si>
  <si>
    <t>950401</t>
  </si>
  <si>
    <r>
      <rPr>
        <sz val="12"/>
        <color rgb="FF000000"/>
        <rFont val="標楷體"/>
        <family val="4"/>
        <charset val="136"/>
      </rPr>
      <t>「</t>
    </r>
    <r>
      <rPr>
        <sz val="12"/>
        <color rgb="FF000000"/>
        <rFont val="Times New Roman"/>
        <family val="1"/>
      </rPr>
      <t>95</t>
    </r>
    <r>
      <rPr>
        <sz val="12"/>
        <color rgb="FF000000"/>
        <rFont val="標楷體"/>
        <family val="4"/>
        <charset val="136"/>
      </rPr>
      <t>年度保險業風險資本額制度之檢討」委託研究案</t>
    </r>
  </si>
  <si>
    <t>95.05.24</t>
  </si>
  <si>
    <t>940301</t>
  </si>
  <si>
    <r>
      <rPr>
        <sz val="12"/>
        <color rgb="FF000000"/>
        <rFont val="標楷體"/>
        <family val="4"/>
        <charset val="136"/>
      </rPr>
      <t>辦理「保險業務、會計及精算實務稽核訓練計畫」</t>
    </r>
  </si>
  <si>
    <t>95.05.08</t>
  </si>
  <si>
    <r>
      <rPr>
        <sz val="12"/>
        <color rgb="FF000000"/>
        <rFont val="標楷體"/>
        <family val="4"/>
        <charset val="136"/>
      </rPr>
      <t>資誠企業管理顧問股份有限公司</t>
    </r>
  </si>
  <si>
    <t>950202</t>
  </si>
  <si>
    <r>
      <t>RBC</t>
    </r>
    <r>
      <rPr>
        <sz val="12"/>
        <color rgb="FF000000"/>
        <rFont val="標楷體"/>
        <family val="4"/>
        <charset val="136"/>
      </rPr>
      <t>制度以</t>
    </r>
    <r>
      <rPr>
        <sz val="12"/>
        <color rgb="FF000000"/>
        <rFont val="Times New Roman"/>
        <family val="1"/>
      </rPr>
      <t>B</t>
    </r>
    <r>
      <rPr>
        <sz val="12"/>
        <color rgb="FF000000"/>
        <rFont val="標楷體"/>
        <family val="4"/>
        <charset val="136"/>
      </rPr>
      <t>值調查係數之方法論所需資料庫系統軟體</t>
    </r>
  </si>
  <si>
    <t>95.04.14</t>
  </si>
  <si>
    <t>9620</t>
  </si>
  <si>
    <r>
      <rPr>
        <sz val="12"/>
        <color rgb="FF000000"/>
        <rFont val="標楷體"/>
        <family val="4"/>
        <charset val="136"/>
      </rPr>
      <t>委託外包廠商到局協助處理事務工作</t>
    </r>
  </si>
  <si>
    <t>95.02.13</t>
  </si>
  <si>
    <r>
      <rPr>
        <sz val="12"/>
        <color rgb="FF000000"/>
        <rFont val="標楷體"/>
        <family val="4"/>
        <charset val="136"/>
      </rPr>
      <t>五雄企業股份有限公司</t>
    </r>
  </si>
  <si>
    <t>941202</t>
  </si>
  <si>
    <r>
      <rPr>
        <sz val="12"/>
        <color rgb="FF000000"/>
        <rFont val="標楷體"/>
        <family val="4"/>
        <charset val="136"/>
      </rPr>
      <t>委託外包廠商派員到局協助處理本局檔案整體工作</t>
    </r>
  </si>
  <si>
    <t>95.01.02</t>
  </si>
  <si>
    <r>
      <rPr>
        <sz val="12"/>
        <color rgb="FF000000"/>
        <rFont val="標楷體"/>
        <family val="4"/>
        <charset val="136"/>
      </rPr>
      <t>菁華人員資源管理顧問股份有限公司</t>
    </r>
  </si>
  <si>
    <t>941201</t>
  </si>
  <si>
    <r>
      <rPr>
        <sz val="12"/>
        <color rgb="FF000000"/>
        <rFont val="標楷體"/>
        <family val="4"/>
        <charset val="136"/>
      </rPr>
      <t>印製「保險消費者手冊、人身風險規劃實務與保險組合手冊、校園安全風險管理實務與保險組合手冊、校園教學風險管理實務與保險組合手冊」</t>
    </r>
  </si>
  <si>
    <t>941105</t>
  </si>
  <si>
    <r>
      <rPr>
        <sz val="12"/>
        <color rgb="FF000000"/>
        <rFont val="標楷體"/>
        <family val="4"/>
        <charset val="136"/>
      </rPr>
      <t>「保險商品監理資訊系統」委外建置案</t>
    </r>
  </si>
  <si>
    <t>94.12.05</t>
  </si>
  <si>
    <r>
      <rPr>
        <sz val="12"/>
        <color rgb="FF000000"/>
        <rFont val="標楷體"/>
        <family val="4"/>
        <charset val="136"/>
      </rPr>
      <t>榮電股份有限公司</t>
    </r>
  </si>
  <si>
    <t>941103</t>
  </si>
  <si>
    <r>
      <rPr>
        <sz val="12"/>
        <color rgb="FF000000"/>
        <rFont val="標楷體"/>
        <family val="4"/>
        <charset val="136"/>
      </rPr>
      <t>「不同利率環境下人身保險商品發展策略」研究計畫</t>
    </r>
  </si>
  <si>
    <t>941102</t>
  </si>
  <si>
    <r>
      <rPr>
        <sz val="12"/>
        <color rgb="FF000000"/>
        <rFont val="標楷體"/>
        <family val="4"/>
        <charset val="136"/>
      </rPr>
      <t>「台灣保險監理之利率模型系統」研究計畫</t>
    </r>
  </si>
  <si>
    <t>94.11.24</t>
  </si>
  <si>
    <t>941101</t>
  </si>
  <si>
    <r>
      <rPr>
        <sz val="12"/>
        <color rgb="FF000000"/>
        <rFont val="標楷體"/>
        <family val="4"/>
        <charset val="136"/>
      </rPr>
      <t>研考管理系統委外開發建置案</t>
    </r>
  </si>
  <si>
    <t>94.11.21</t>
  </si>
  <si>
    <t>940401</t>
  </si>
  <si>
    <r>
      <t>94</t>
    </r>
    <r>
      <rPr>
        <sz val="12"/>
        <color rgb="FF000000"/>
        <rFont val="標楷體"/>
        <family val="4"/>
        <charset val="136"/>
      </rPr>
      <t>年「以財務再保險、限定再保險移轉災害風險之研究」研究計畫</t>
    </r>
  </si>
  <si>
    <t>94.11.14</t>
  </si>
  <si>
    <r>
      <rPr>
        <sz val="12"/>
        <color rgb="FF000000"/>
        <rFont val="標楷體"/>
        <family val="4"/>
        <charset val="136"/>
      </rPr>
      <t>信利保險經紀人股份有限公司</t>
    </r>
  </si>
  <si>
    <t>951201</t>
  </si>
  <si>
    <r>
      <t>96</t>
    </r>
    <r>
      <rPr>
        <sz val="12"/>
        <color rgb="FF000000"/>
        <rFont val="標楷體"/>
        <family val="4"/>
        <charset val="136"/>
      </rPr>
      <t>年人力委外案</t>
    </r>
  </si>
  <si>
    <t>94.05.09</t>
  </si>
  <si>
    <t>950101</t>
  </si>
  <si>
    <r>
      <rPr>
        <sz val="12"/>
        <color rgb="FF000000"/>
        <rFont val="標楷體"/>
        <family val="4"/>
        <charset val="136"/>
      </rPr>
      <t>「以巨災權益賣權、巨災交換，及衍生性商品之保險期貨、</t>
    </r>
    <r>
      <rPr>
        <sz val="12"/>
        <color rgb="FF000000"/>
        <rFont val="Times New Roman"/>
        <family val="1"/>
      </rPr>
      <t>GCCI</t>
    </r>
    <r>
      <rPr>
        <sz val="12"/>
        <color rgb="FF000000"/>
        <rFont val="標楷體"/>
        <family val="4"/>
        <charset val="136"/>
      </rPr>
      <t>巨災選擇權等新財務工」</t>
    </r>
  </si>
  <si>
    <t>93003</t>
  </si>
  <si>
    <r>
      <rPr>
        <sz val="12"/>
        <color rgb="FF000000"/>
        <rFont val="標楷體"/>
        <family val="4"/>
        <charset val="136"/>
      </rPr>
      <t>委託外包廠商派員到局協助處理本局事務性工作</t>
    </r>
  </si>
  <si>
    <t>94.01.06</t>
  </si>
  <si>
    <t>中勤人力資源管理顧問股份有限公司</t>
  </si>
  <si>
    <t>10810</t>
  </si>
  <si>
    <t>108年度保險輔助人管理系統擴充案</t>
    <phoneticPr fontId="9" type="noConversion"/>
  </si>
  <si>
    <t>碩遠科技股份有限公司</t>
    <phoneticPr fontId="9" type="noConversion"/>
  </si>
  <si>
    <t>108.4.17</t>
    <phoneticPr fontId="9" type="noConversion"/>
  </si>
  <si>
    <t>碩遠科技股份有限公司</t>
    <phoneticPr fontId="9" type="noConversion"/>
  </si>
  <si>
    <t>10811</t>
  </si>
  <si>
    <t>108至109年度公文檔案影像掃描及編目建檔作業委外勞務採購案</t>
    <phoneticPr fontId="9" type="noConversion"/>
  </si>
  <si>
    <t>108.04.30</t>
    <phoneticPr fontId="9" type="noConversion"/>
  </si>
  <si>
    <t>尚盈科技有限公司</t>
    <phoneticPr fontId="9" type="noConversion"/>
  </si>
  <si>
    <t>10813</t>
  </si>
  <si>
    <t>108年度編輯印製保險法及相關法規彙編採購案</t>
    <phoneticPr fontId="9" type="noConversion"/>
  </si>
  <si>
    <t>108.08.20</t>
    <phoneticPr fontId="9" type="noConversion"/>
  </si>
  <si>
    <t>種子發多元化廣告有限公司</t>
    <phoneticPr fontId="9" type="noConversion"/>
  </si>
  <si>
    <t>10816</t>
  </si>
  <si>
    <t>保險商品監理資訊系統維護案</t>
    <phoneticPr fontId="9" type="noConversion"/>
  </si>
  <si>
    <t>108.10.16</t>
    <phoneticPr fontId="9" type="noConversion"/>
  </si>
  <si>
    <t>10817</t>
  </si>
  <si>
    <t>109年度風險管理與保險教育推廣入口網站維運案</t>
    <phoneticPr fontId="9" type="noConversion"/>
  </si>
  <si>
    <t>108.10.29</t>
    <phoneticPr fontId="9" type="noConversion"/>
  </si>
  <si>
    <t>10818</t>
    <phoneticPr fontId="9" type="noConversion"/>
  </si>
  <si>
    <t>109年度事務性行政工作委外案</t>
    <phoneticPr fontId="9" type="noConversion"/>
  </si>
  <si>
    <t>108.12.23</t>
    <phoneticPr fontId="9" type="noConversion"/>
  </si>
  <si>
    <t>亞奇人力資源有限公司</t>
    <phoneticPr fontId="9" type="noConversion"/>
  </si>
  <si>
    <t>10819</t>
    <phoneticPr fontId="9" type="noConversion"/>
  </si>
  <si>
    <t>109年度保險輔助人管理系統維護服務及擴充案</t>
    <phoneticPr fontId="9" type="noConversion"/>
  </si>
  <si>
    <t>108.12.06</t>
    <phoneticPr fontId="9" type="noConversion"/>
  </si>
  <si>
    <t>10821</t>
  </si>
  <si>
    <t>服務管理系統設備維護案</t>
    <phoneticPr fontId="9" type="noConversion"/>
  </si>
  <si>
    <t>108.11.15</t>
    <phoneticPr fontId="9" type="noConversion"/>
  </si>
  <si>
    <t>10822</t>
    <phoneticPr fontId="9" type="noConversion"/>
  </si>
  <si>
    <t>108年度RBC制度以β值調整係數之方法論所需資料庫系統軟體資料庫暨系統使用案</t>
  </si>
  <si>
    <t>108.11.15</t>
    <phoneticPr fontId="9" type="noConversion"/>
  </si>
  <si>
    <t>台灣經濟新報文化事業股份有限公司</t>
    <phoneticPr fontId="9" type="noConversion"/>
  </si>
  <si>
    <t>10901</t>
    <phoneticPr fontId="9" type="noConversion"/>
  </si>
  <si>
    <t>109.02.21</t>
    <phoneticPr fontId="9" type="noConversion"/>
  </si>
  <si>
    <t>社團法人台灣公益團體自律聯盟</t>
    <phoneticPr fontId="9" type="noConversion"/>
  </si>
  <si>
    <t>10803</t>
  </si>
  <si>
    <t>107年度壽險業精算簽證報告及複核報告覆閱委託代辦案</t>
    <phoneticPr fontId="9" type="noConversion"/>
  </si>
  <si>
    <t>108.4.25</t>
    <phoneticPr fontId="9" type="noConversion"/>
  </si>
  <si>
    <t>財團法人保險事業發展中心</t>
    <phoneticPr fontId="9" type="noConversion"/>
  </si>
  <si>
    <t>10805</t>
  </si>
  <si>
    <t>108年度金融基礎教育推廣合作計畫委辦案</t>
    <phoneticPr fontId="9" type="noConversion"/>
  </si>
  <si>
    <t>108.4.25</t>
    <phoneticPr fontId="9" type="noConversion"/>
  </si>
  <si>
    <t>社團法人台灣公益團體自律聯盟</t>
    <phoneticPr fontId="9" type="noConversion"/>
  </si>
  <si>
    <t>10806</t>
  </si>
  <si>
    <t>108年辦公室高架地板更新採購案</t>
    <phoneticPr fontId="9" type="noConversion"/>
  </si>
  <si>
    <t>108.04.16</t>
    <phoneticPr fontId="9" type="noConversion"/>
  </si>
  <si>
    <t>紘鼎室內裝修設計有限公司</t>
    <phoneticPr fontId="9" type="noConversion"/>
  </si>
  <si>
    <t>10902</t>
    <phoneticPr fontId="9" type="noConversion"/>
  </si>
  <si>
    <t>109年度金融基礎教育推廣合作計畫委辦案</t>
    <phoneticPr fontId="9" type="noConversion"/>
  </si>
  <si>
    <t>109.03.26</t>
    <phoneticPr fontId="9" type="noConversion"/>
  </si>
  <si>
    <t>108年度壽險業有效契約負債公允價值評估覆閱委託代辦案</t>
    <phoneticPr fontId="9" type="noConversion"/>
  </si>
  <si>
    <t>10903</t>
    <phoneticPr fontId="9" type="noConversion"/>
  </si>
  <si>
    <t>10904</t>
    <phoneticPr fontId="9" type="noConversion"/>
  </si>
  <si>
    <t>109.4.24</t>
    <phoneticPr fontId="9" type="noConversion"/>
  </si>
  <si>
    <t>東吳大學</t>
    <phoneticPr fontId="9" type="noConversion"/>
  </si>
  <si>
    <t>108年度產險業精算簽證報告覆閱委託代辦案</t>
    <phoneticPr fontId="9" type="noConversion"/>
  </si>
  <si>
    <t>108年度壽險業精算簽證報告及複核報告覆閱委託代辦案</t>
    <phoneticPr fontId="9" type="noConversion"/>
  </si>
  <si>
    <t>109.04.24</t>
    <phoneticPr fontId="9" type="noConversion"/>
  </si>
  <si>
    <t>10906</t>
    <phoneticPr fontId="9" type="noConversion"/>
  </si>
  <si>
    <t>109.05.20</t>
    <phoneticPr fontId="9" type="noConversion"/>
  </si>
  <si>
    <t>易宇科技有限公司</t>
    <phoneticPr fontId="9" type="noConversion"/>
  </si>
  <si>
    <t>109年無線簡報系統及無線簡報分享器採購案</t>
    <phoneticPr fontId="9" type="noConversion"/>
  </si>
  <si>
    <t>10907</t>
    <phoneticPr fontId="9" type="noConversion"/>
  </si>
  <si>
    <t>109.06.02</t>
    <phoneticPr fontId="9" type="noConversion"/>
  </si>
  <si>
    <t>鴻儒室內裝修工程有限公司</t>
    <phoneticPr fontId="9" type="noConversion"/>
  </si>
  <si>
    <t>2019年版本國際保險監理官協會(IAIS)保險核心原則(ICP)委外翻譯案</t>
    <phoneticPr fontId="9" type="noConversion"/>
  </si>
  <si>
    <t>10905A</t>
    <phoneticPr fontId="9" type="noConversion"/>
  </si>
  <si>
    <t>109.4.13</t>
    <phoneticPr fontId="9" type="noConversion"/>
  </si>
  <si>
    <t>國立政治大學</t>
    <phoneticPr fontId="9" type="noConversion"/>
  </si>
  <si>
    <t>三立電視股份有限公司</t>
    <phoneticPr fontId="9" type="noConversion"/>
  </si>
  <si>
    <t>109.09.17</t>
    <phoneticPr fontId="9" type="noConversion"/>
  </si>
  <si>
    <t>10909A</t>
    <phoneticPr fontId="9" type="noConversion"/>
  </si>
  <si>
    <t>10912</t>
    <phoneticPr fontId="9" type="noConversion"/>
  </si>
  <si>
    <t>10907-1</t>
    <phoneticPr fontId="9" type="noConversion"/>
  </si>
  <si>
    <t>109.10.13</t>
    <phoneticPr fontId="9" type="noConversion"/>
  </si>
  <si>
    <t>109.10.05</t>
    <phoneticPr fontId="9" type="noConversion"/>
  </si>
  <si>
    <t>陳柏元建築師事務所</t>
    <phoneticPr fontId="9" type="noConversion"/>
  </si>
  <si>
    <r>
      <t>109</t>
    </r>
    <r>
      <rPr>
        <sz val="12"/>
        <color rgb="FF000000"/>
        <rFont val="標楷體"/>
        <family val="4"/>
        <charset val="136"/>
      </rPr>
      <t>年度保險主題教育宣導計畫委辦案</t>
    </r>
    <phoneticPr fontId="9" type="noConversion"/>
  </si>
  <si>
    <t>109年辦公室高架地板更新採購案</t>
    <phoneticPr fontId="9" type="noConversion"/>
  </si>
  <si>
    <t>鴻儒室內裝修工程有限公司</t>
    <phoneticPr fontId="9" type="noConversion"/>
  </si>
  <si>
    <r>
      <t>109</t>
    </r>
    <r>
      <rPr>
        <sz val="12"/>
        <color rgb="FF000000"/>
        <rFont val="標楷體"/>
        <family val="4"/>
        <charset val="136"/>
      </rPr>
      <t>年辦公室高架地板更新採購案第一次後擴</t>
    </r>
    <phoneticPr fontId="9" type="noConversion"/>
  </si>
  <si>
    <r>
      <t>辦公空間裝修設計及施工統包工程專案管理</t>
    </r>
    <r>
      <rPr>
        <sz val="12"/>
        <color rgb="FF000000"/>
        <rFont val="標楷體"/>
        <family val="4"/>
        <charset val="136"/>
      </rPr>
      <t>(含監造)案</t>
    </r>
    <phoneticPr fontId="9" type="noConversion"/>
  </si>
  <si>
    <t>辦公室高架地板更新採購案</t>
    <phoneticPr fontId="9" type="noConversion"/>
  </si>
  <si>
    <t>鴻儒室內裝修工程有限公司</t>
    <phoneticPr fontId="9" type="noConversion"/>
  </si>
  <si>
    <t>109.12.08</t>
    <phoneticPr fontId="9" type="noConversion"/>
  </si>
  <si>
    <t>10919</t>
    <phoneticPr fontId="9" type="noConversion"/>
  </si>
  <si>
    <t>109.16</t>
    <phoneticPr fontId="9" type="noConversion"/>
  </si>
  <si>
    <t>109年度RBC制度以β值調整係數之方法論所需資料庫系統軟體資料庫暨系統使用案</t>
    <phoneticPr fontId="9" type="noConversion"/>
  </si>
  <si>
    <t>109.11.20</t>
    <phoneticPr fontId="9" type="noConversion"/>
  </si>
  <si>
    <t>10913</t>
    <phoneticPr fontId="9" type="noConversion"/>
  </si>
  <si>
    <t>辦公空間裝修設計及施工統包工程案</t>
    <phoneticPr fontId="9" type="noConversion"/>
  </si>
  <si>
    <t>109.11.13</t>
    <phoneticPr fontId="9" type="noConversion"/>
  </si>
  <si>
    <t>10911A</t>
    <phoneticPr fontId="9" type="noConversion"/>
  </si>
  <si>
    <t>身心障礙者相關經驗發生率統計研究委託研究計畫</t>
    <phoneticPr fontId="9" type="noConversion"/>
  </si>
  <si>
    <t>109.11.16</t>
    <phoneticPr fontId="9" type="noConversion"/>
  </si>
  <si>
    <t>祿寶營造有限公司</t>
    <phoneticPr fontId="9" type="noConversion"/>
  </si>
  <si>
    <t>東吳大學</t>
    <phoneticPr fontId="9" type="noConversion"/>
  </si>
  <si>
    <t>109.12.09</t>
    <phoneticPr fontId="9" type="noConversion"/>
  </si>
  <si>
    <r>
      <t>110</t>
    </r>
    <r>
      <rPr>
        <sz val="12"/>
        <color rgb="FF000000"/>
        <rFont val="標楷體"/>
        <family val="4"/>
        <charset val="136"/>
      </rPr>
      <t>年保險局受理民眾陳情及金融消費爭議案件控管系統維護案</t>
    </r>
    <phoneticPr fontId="9" type="noConversion"/>
  </si>
  <si>
    <t>10924</t>
    <phoneticPr fontId="9" type="noConversion"/>
  </si>
  <si>
    <t>109.12.21</t>
    <phoneticPr fontId="9" type="noConversion"/>
  </si>
  <si>
    <t>10918A</t>
    <phoneticPr fontId="9" type="noConversion"/>
  </si>
  <si>
    <t>10915</t>
    <phoneticPr fontId="9" type="noConversion"/>
  </si>
  <si>
    <t>10920</t>
    <phoneticPr fontId="9" type="noConversion"/>
  </si>
  <si>
    <r>
      <t>110</t>
    </r>
    <r>
      <rPr>
        <sz val="12"/>
        <color rgb="FF000000"/>
        <rFont val="標楷體"/>
        <family val="4"/>
        <charset val="136"/>
      </rPr>
      <t>年度事務性行政工作委外案</t>
    </r>
    <phoneticPr fontId="9" type="noConversion"/>
  </si>
  <si>
    <r>
      <t>110</t>
    </r>
    <r>
      <rPr>
        <sz val="12"/>
        <color rgb="FF000000"/>
        <rFont val="標楷體"/>
        <family val="4"/>
        <charset val="136"/>
      </rPr>
      <t>年度業務專員、會計專員及行政專員勞務採購案</t>
    </r>
    <phoneticPr fontId="9" type="noConversion"/>
  </si>
  <si>
    <t>109.12.21</t>
    <phoneticPr fontId="9" type="noConversion"/>
  </si>
  <si>
    <t>國鼎公寓大廈管理維護股份有限公司</t>
    <phoneticPr fontId="9" type="noConversion"/>
  </si>
  <si>
    <t>優利資源整合股份有限公司</t>
    <phoneticPr fontId="9" type="noConversion"/>
  </si>
  <si>
    <t>碩遠科技股份有限公司</t>
    <phoneticPr fontId="9" type="noConversion"/>
  </si>
  <si>
    <t>優立迅有限公司</t>
    <phoneticPr fontId="9" type="noConversion"/>
  </si>
  <si>
    <t>台灣經濟新報文化事業股份有限公司</t>
    <phoneticPr fontId="9" type="noConversion"/>
  </si>
  <si>
    <t>11006</t>
  </si>
  <si>
    <t>11005</t>
  </si>
  <si>
    <t>11004</t>
  </si>
  <si>
    <t>11003</t>
  </si>
  <si>
    <t>110.04.06</t>
    <phoneticPr fontId="9" type="noConversion"/>
  </si>
  <si>
    <t>109年度壽險業有效契約負債公允價值評估覆閱委託代辦案</t>
    <phoneticPr fontId="9" type="noConversion"/>
  </si>
  <si>
    <t>109年度壽險業精算簽證報告覆閱委託代辦案</t>
    <phoneticPr fontId="9" type="noConversion"/>
  </si>
  <si>
    <t>110.04.26</t>
    <phoneticPr fontId="9" type="noConversion"/>
  </si>
  <si>
    <t>109年度產險業精算簽證報告覆閱委託代辦案</t>
    <phoneticPr fontId="9" type="noConversion"/>
  </si>
  <si>
    <t>110年度公文檔案影像掃瞄委外案</t>
    <phoneticPr fontId="9" type="noConversion"/>
  </si>
  <si>
    <t>110年度金融基礎教育推廣合作計畫委辦案</t>
    <phoneticPr fontId="9" type="noConversion"/>
  </si>
  <si>
    <t>11001</t>
    <phoneticPr fontId="9" type="noConversion"/>
  </si>
  <si>
    <t>110.02.25</t>
    <phoneticPr fontId="9" type="noConversion"/>
  </si>
  <si>
    <t>鐵山文件儲存服
務股份有限公司</t>
    <phoneticPr fontId="9" type="noConversion"/>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0&quot; &quot;"/>
    <numFmt numFmtId="177" formatCode="m&quot;月&quot;d&quot;日&quot;"/>
    <numFmt numFmtId="178" formatCode="[$-404]yy&quot;年&quot;m&quot;月&quot;d&quot;日&quot;;@"/>
    <numFmt numFmtId="179" formatCode="#,##0_ "/>
  </numFmts>
  <fonts count="12" x14ac:knownFonts="1">
    <font>
      <sz val="12"/>
      <color rgb="FF000000"/>
      <name val="新細明體"/>
      <family val="1"/>
      <charset val="136"/>
    </font>
    <font>
      <u/>
      <sz val="12"/>
      <color rgb="FF0000FF"/>
      <name val="新細明體"/>
      <family val="1"/>
      <charset val="136"/>
    </font>
    <font>
      <b/>
      <sz val="12"/>
      <color rgb="FF000000"/>
      <name val="Times New Roman"/>
      <family val="1"/>
    </font>
    <font>
      <b/>
      <sz val="12"/>
      <color rgb="FF000000"/>
      <name val="標楷體"/>
      <family val="4"/>
      <charset val="136"/>
    </font>
    <font>
      <sz val="12"/>
      <color rgb="FF000000"/>
      <name val="標楷體"/>
      <family val="4"/>
      <charset val="136"/>
    </font>
    <font>
      <sz val="12"/>
      <color rgb="FF000000"/>
      <name val="Times New Roman"/>
      <family val="1"/>
    </font>
    <font>
      <sz val="14"/>
      <color rgb="FF000000"/>
      <name val="Times New Roman"/>
      <family val="1"/>
    </font>
    <font>
      <sz val="14"/>
      <color rgb="FF000000"/>
      <name val="標楷體"/>
      <family val="4"/>
      <charset val="136"/>
    </font>
    <font>
      <sz val="12"/>
      <color rgb="FF000000"/>
      <name val="Times"/>
      <family val="1"/>
    </font>
    <font>
      <sz val="9"/>
      <name val="新細明體"/>
      <family val="1"/>
      <charset val="136"/>
    </font>
    <font>
      <sz val="12"/>
      <color theme="1"/>
      <name val="標楷體"/>
      <family val="4"/>
      <charset val="136"/>
    </font>
    <font>
      <sz val="12"/>
      <name val="標楷體"/>
      <family val="4"/>
      <charset val="136"/>
    </font>
  </fonts>
  <fills count="3">
    <fill>
      <patternFill patternType="none"/>
    </fill>
    <fill>
      <patternFill patternType="gray125"/>
    </fill>
    <fill>
      <patternFill patternType="solid">
        <fgColor rgb="FFFFFFFF"/>
        <bgColor rgb="FFFFFFFF"/>
      </patternFill>
    </fill>
  </fills>
  <borders count="18">
    <border>
      <left/>
      <right/>
      <top/>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bottom/>
      <diagonal/>
    </border>
    <border>
      <left style="thin">
        <color rgb="FF000000"/>
      </left>
      <right/>
      <top style="thin">
        <color rgb="FF000000"/>
      </top>
      <bottom style="thin">
        <color rgb="FF000000"/>
      </bottom>
      <diagonal/>
    </border>
    <border>
      <left style="thin">
        <color rgb="FF000000"/>
      </left>
      <right style="thin">
        <color rgb="FF000000"/>
      </right>
      <top style="thin">
        <color rgb="FF000000"/>
      </top>
      <bottom/>
      <diagonal/>
    </border>
    <border>
      <left style="thin">
        <color rgb="FF000000"/>
      </left>
      <right/>
      <top/>
      <bottom style="thin">
        <color rgb="FF000000"/>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style="thin">
        <color indexed="8"/>
      </left>
      <right style="thin">
        <color indexed="8"/>
      </right>
      <top/>
      <bottom style="thin">
        <color indexed="8"/>
      </bottom>
      <diagonal/>
    </border>
    <border>
      <left style="thin">
        <color indexed="64"/>
      </left>
      <right/>
      <top style="thin">
        <color indexed="64"/>
      </top>
      <bottom style="thin">
        <color indexed="64"/>
      </bottom>
      <diagonal/>
    </border>
    <border>
      <left style="thin">
        <color indexed="8"/>
      </left>
      <right style="thin">
        <color indexed="8"/>
      </right>
      <top style="thin">
        <color indexed="8"/>
      </top>
      <bottom style="thin">
        <color indexed="8"/>
      </bottom>
      <diagonal/>
    </border>
    <border>
      <left/>
      <right/>
      <top style="thin">
        <color rgb="FF000000"/>
      </top>
      <bottom style="thin">
        <color rgb="FF000000"/>
      </bottom>
      <diagonal/>
    </border>
    <border>
      <left style="thin">
        <color indexed="64"/>
      </left>
      <right/>
      <top style="thin">
        <color rgb="FF000000"/>
      </top>
      <bottom style="thin">
        <color indexed="64"/>
      </bottom>
      <diagonal/>
    </border>
    <border>
      <left style="thin">
        <color rgb="FF000000"/>
      </left>
      <right style="thin">
        <color rgb="FF000000"/>
      </right>
      <top/>
      <bottom style="thin">
        <color rgb="FF000000"/>
      </bottom>
      <diagonal/>
    </border>
    <border>
      <left style="thin">
        <color indexed="64"/>
      </left>
      <right style="thin">
        <color indexed="64"/>
      </right>
      <top style="thin">
        <color rgb="FF000000"/>
      </top>
      <bottom style="thin">
        <color indexed="64"/>
      </bottom>
      <diagonal/>
    </border>
    <border>
      <left/>
      <right/>
      <top style="thin">
        <color rgb="FF000000"/>
      </top>
      <bottom style="thin">
        <color indexed="64"/>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applyNumberFormat="0" applyFill="0" applyBorder="0" applyAlignment="0" applyProtection="0">
      <alignment vertical="center"/>
    </xf>
  </cellStyleXfs>
  <cellXfs count="97">
    <xf numFmtId="0" fontId="0" fillId="0" borderId="0" xfId="0">
      <alignment vertical="center"/>
    </xf>
    <xf numFmtId="49" fontId="2" fillId="0" borderId="1" xfId="0" applyNumberFormat="1" applyFont="1" applyBorder="1" applyAlignment="1">
      <alignment horizontal="center" vertical="center" wrapText="1"/>
    </xf>
    <xf numFmtId="176" fontId="2" fillId="0" borderId="1" xfId="0" applyNumberFormat="1" applyFont="1" applyBorder="1" applyAlignment="1">
      <alignment horizontal="center" vertical="center" wrapText="1"/>
    </xf>
    <xf numFmtId="0" fontId="2" fillId="0" borderId="1" xfId="0" applyFont="1" applyBorder="1" applyAlignment="1">
      <alignment horizontal="center" vertical="center" wrapText="1"/>
    </xf>
    <xf numFmtId="0" fontId="2" fillId="0" borderId="1" xfId="0" applyFont="1" applyBorder="1" applyAlignment="1">
      <alignment vertical="center" wrapText="1"/>
    </xf>
    <xf numFmtId="49" fontId="4" fillId="0" borderId="1" xfId="0" applyNumberFormat="1" applyFont="1" applyBorder="1" applyAlignment="1">
      <alignment horizontal="center" vertical="center" wrapText="1"/>
    </xf>
    <xf numFmtId="176" fontId="4" fillId="0" borderId="1" xfId="0" applyNumberFormat="1" applyFont="1" applyBorder="1" applyAlignment="1">
      <alignment horizontal="center" vertical="center" wrapText="1"/>
    </xf>
    <xf numFmtId="0" fontId="4" fillId="0" borderId="1" xfId="0" applyFont="1" applyBorder="1" applyAlignment="1">
      <alignment horizontal="justify" vertical="center" wrapText="1"/>
    </xf>
    <xf numFmtId="0" fontId="4" fillId="0" borderId="1" xfId="0" applyFont="1" applyBorder="1" applyAlignment="1">
      <alignment vertical="center" wrapText="1"/>
    </xf>
    <xf numFmtId="0" fontId="4" fillId="0" borderId="1" xfId="0" applyFont="1" applyBorder="1" applyAlignment="1">
      <alignment horizontal="left" vertical="center" wrapText="1"/>
    </xf>
    <xf numFmtId="49" fontId="4" fillId="0" borderId="1" xfId="0" applyNumberFormat="1" applyFont="1" applyBorder="1" applyAlignment="1">
      <alignment horizontal="center" vertical="center"/>
    </xf>
    <xf numFmtId="176" fontId="4" fillId="0" borderId="1" xfId="0" applyNumberFormat="1" applyFont="1" applyBorder="1" applyAlignment="1">
      <alignment vertical="center" wrapText="1"/>
    </xf>
    <xf numFmtId="177" fontId="4" fillId="0" borderId="1" xfId="0" applyNumberFormat="1" applyFont="1" applyBorder="1" applyAlignment="1">
      <alignment horizontal="left" vertical="center"/>
    </xf>
    <xf numFmtId="177" fontId="4" fillId="0" borderId="1" xfId="0" applyNumberFormat="1" applyFont="1" applyBorder="1" applyAlignment="1">
      <alignment horizontal="right" vertical="center"/>
    </xf>
    <xf numFmtId="0" fontId="4" fillId="0" borderId="1" xfId="0" applyFont="1" applyBorder="1" applyAlignment="1">
      <alignment horizontal="justify" vertical="center"/>
    </xf>
    <xf numFmtId="0" fontId="4" fillId="0" borderId="1" xfId="0" applyFont="1" applyBorder="1">
      <alignment vertical="center"/>
    </xf>
    <xf numFmtId="176" fontId="4" fillId="0" borderId="1" xfId="0" applyNumberFormat="1" applyFont="1" applyBorder="1" applyAlignment="1">
      <alignment vertical="center"/>
    </xf>
    <xf numFmtId="176" fontId="4" fillId="0" borderId="1" xfId="0" applyNumberFormat="1" applyFont="1" applyFill="1" applyBorder="1" applyAlignment="1">
      <alignment vertical="center"/>
    </xf>
    <xf numFmtId="49" fontId="5" fillId="0" borderId="1" xfId="0" applyNumberFormat="1" applyFont="1" applyBorder="1" applyAlignment="1">
      <alignment horizontal="center" vertical="center"/>
    </xf>
    <xf numFmtId="176" fontId="5" fillId="0" borderId="1" xfId="0" applyNumberFormat="1" applyFont="1" applyBorder="1" applyAlignment="1">
      <alignment vertical="center" wrapText="1"/>
    </xf>
    <xf numFmtId="0" fontId="5" fillId="0" borderId="1" xfId="0" applyFont="1" applyBorder="1" applyAlignment="1">
      <alignment horizontal="justify" vertical="center"/>
    </xf>
    <xf numFmtId="0" fontId="5" fillId="0" borderId="1" xfId="0" applyFont="1" applyBorder="1" applyAlignment="1">
      <alignment horizontal="center" vertical="center"/>
    </xf>
    <xf numFmtId="49" fontId="5" fillId="0" borderId="1" xfId="0" applyNumberFormat="1" applyFont="1" applyBorder="1" applyAlignment="1">
      <alignment horizontal="left" vertical="center" wrapText="1"/>
    </xf>
    <xf numFmtId="176" fontId="5" fillId="0" borderId="1" xfId="0" applyNumberFormat="1" applyFont="1" applyBorder="1" applyAlignment="1">
      <alignment vertical="center"/>
    </xf>
    <xf numFmtId="0" fontId="5" fillId="0" borderId="1" xfId="0" applyFont="1" applyBorder="1" applyAlignment="1">
      <alignment horizontal="justify" vertical="center" wrapText="1"/>
    </xf>
    <xf numFmtId="0" fontId="5" fillId="0" borderId="1" xfId="0" applyFont="1" applyBorder="1" applyAlignment="1">
      <alignment vertical="center" wrapText="1"/>
    </xf>
    <xf numFmtId="0" fontId="5" fillId="0" borderId="1" xfId="0" applyFont="1" applyBorder="1" applyAlignment="1">
      <alignment horizontal="center" vertical="center" wrapText="1"/>
    </xf>
    <xf numFmtId="0" fontId="5" fillId="0" borderId="1" xfId="0" applyFont="1" applyBorder="1" applyAlignment="1">
      <alignment horizontal="left" vertical="center" wrapText="1"/>
    </xf>
    <xf numFmtId="176" fontId="5" fillId="0" borderId="1" xfId="0" applyNumberFormat="1" applyFont="1" applyBorder="1" applyAlignment="1">
      <alignment horizontal="center" vertical="center" wrapText="1"/>
    </xf>
    <xf numFmtId="49" fontId="5" fillId="0" borderId="1" xfId="0" applyNumberFormat="1" applyFont="1" applyFill="1" applyBorder="1" applyAlignment="1">
      <alignment horizontal="center" vertical="center"/>
    </xf>
    <xf numFmtId="176" fontId="5" fillId="0" borderId="1" xfId="0" applyNumberFormat="1" applyFont="1" applyFill="1" applyBorder="1" applyAlignment="1">
      <alignment vertical="center"/>
    </xf>
    <xf numFmtId="0" fontId="5" fillId="0" borderId="1" xfId="0" applyFont="1" applyFill="1" applyBorder="1" applyAlignment="1">
      <alignment horizontal="justify" vertical="center"/>
    </xf>
    <xf numFmtId="176" fontId="5" fillId="0" borderId="1" xfId="0" applyNumberFormat="1" applyFont="1" applyBorder="1" applyAlignment="1">
      <alignment horizontal="right" vertical="center" wrapText="1"/>
    </xf>
    <xf numFmtId="0" fontId="5" fillId="2" borderId="1" xfId="0" applyFont="1" applyFill="1" applyBorder="1" applyAlignment="1">
      <alignment horizontal="center" vertical="center"/>
    </xf>
    <xf numFmtId="49" fontId="5" fillId="2" borderId="1" xfId="0" applyNumberFormat="1" applyFont="1" applyFill="1" applyBorder="1" applyAlignment="1">
      <alignment horizontal="center" vertical="center"/>
    </xf>
    <xf numFmtId="176" fontId="5" fillId="2" borderId="1" xfId="0" applyNumberFormat="1" applyFont="1" applyFill="1" applyBorder="1">
      <alignment vertical="center"/>
    </xf>
    <xf numFmtId="0" fontId="5" fillId="2" borderId="1" xfId="0" applyFont="1" applyFill="1" applyBorder="1" applyAlignment="1">
      <alignment horizontal="justify" vertical="center"/>
    </xf>
    <xf numFmtId="0" fontId="5" fillId="2" borderId="1" xfId="0" applyFont="1" applyFill="1" applyBorder="1" applyAlignment="1">
      <alignment horizontal="justify" vertical="center" wrapText="1"/>
    </xf>
    <xf numFmtId="176" fontId="5" fillId="0" borderId="1" xfId="0" applyNumberFormat="1" applyFont="1" applyBorder="1">
      <alignment vertical="center"/>
    </xf>
    <xf numFmtId="0" fontId="5" fillId="0" borderId="1" xfId="0" applyFont="1" applyBorder="1">
      <alignment vertical="center"/>
    </xf>
    <xf numFmtId="0" fontId="5" fillId="0" borderId="2" xfId="0" applyFont="1" applyBorder="1" applyAlignment="1">
      <alignment vertical="center" wrapText="1"/>
    </xf>
    <xf numFmtId="0" fontId="5" fillId="0" borderId="3" xfId="0" applyFont="1" applyBorder="1" applyAlignment="1">
      <alignment horizontal="left" vertical="center"/>
    </xf>
    <xf numFmtId="0" fontId="5" fillId="0" borderId="4" xfId="0" applyFont="1" applyBorder="1" applyAlignment="1">
      <alignment horizontal="justify" vertical="center" wrapText="1"/>
    </xf>
    <xf numFmtId="176" fontId="5" fillId="0" borderId="4" xfId="0" applyNumberFormat="1" applyFont="1" applyBorder="1">
      <alignment vertical="center"/>
    </xf>
    <xf numFmtId="0" fontId="5" fillId="0" borderId="1" xfId="0" applyFont="1" applyBorder="1" applyAlignment="1">
      <alignment vertical="center"/>
    </xf>
    <xf numFmtId="0" fontId="6" fillId="0" borderId="1" xfId="0" applyFont="1" applyBorder="1" applyAlignment="1">
      <alignment vertical="center" wrapText="1"/>
    </xf>
    <xf numFmtId="0" fontId="5" fillId="0" borderId="1" xfId="0" applyFont="1" applyBorder="1" applyAlignment="1">
      <alignment horizontal="left" wrapText="1"/>
    </xf>
    <xf numFmtId="0" fontId="4" fillId="0" borderId="1" xfId="0" applyFont="1" applyBorder="1" applyAlignment="1">
      <alignment horizontal="left" vertical="center"/>
    </xf>
    <xf numFmtId="0" fontId="5" fillId="0" borderId="1" xfId="0" applyFont="1" applyBorder="1" applyAlignment="1">
      <alignment horizontal="left"/>
    </xf>
    <xf numFmtId="0" fontId="4" fillId="0" borderId="0" xfId="0" applyFont="1">
      <alignment vertical="center"/>
    </xf>
    <xf numFmtId="176" fontId="4" fillId="0" borderId="0" xfId="0" applyNumberFormat="1" applyFont="1">
      <alignment vertical="center"/>
    </xf>
    <xf numFmtId="177" fontId="4" fillId="0" borderId="0" xfId="0" applyNumberFormat="1" applyFont="1">
      <alignment vertical="center"/>
    </xf>
    <xf numFmtId="0" fontId="5" fillId="0" borderId="5" xfId="0" applyFont="1" applyBorder="1" applyAlignment="1">
      <alignment horizontal="center" vertical="center"/>
    </xf>
    <xf numFmtId="9" fontId="4" fillId="0" borderId="0" xfId="0" applyNumberFormat="1" applyFont="1">
      <alignment vertical="center"/>
    </xf>
    <xf numFmtId="49" fontId="5" fillId="0" borderId="1" xfId="0" applyNumberFormat="1" applyFont="1" applyBorder="1" applyAlignment="1">
      <alignment horizontal="center" vertical="center" wrapText="1"/>
    </xf>
    <xf numFmtId="0" fontId="5" fillId="0" borderId="1" xfId="1" applyFont="1" applyBorder="1" applyAlignment="1">
      <alignment horizontal="justify" vertical="center" wrapText="1"/>
    </xf>
    <xf numFmtId="178" fontId="5" fillId="0" borderId="1" xfId="0" applyNumberFormat="1" applyFont="1" applyBorder="1" applyAlignment="1">
      <alignment horizontal="center" vertical="center" wrapText="1"/>
    </xf>
    <xf numFmtId="0" fontId="5" fillId="0" borderId="1" xfId="0" applyFont="1" applyFill="1" applyBorder="1" applyAlignment="1">
      <alignment horizontal="justify" vertical="center" wrapText="1"/>
    </xf>
    <xf numFmtId="49" fontId="8" fillId="0" borderId="1" xfId="0" applyNumberFormat="1" applyFont="1" applyBorder="1" applyAlignment="1">
      <alignment horizontal="center" vertical="center" wrapText="1"/>
    </xf>
    <xf numFmtId="176" fontId="8" fillId="0" borderId="1" xfId="0" applyNumberFormat="1" applyFont="1" applyBorder="1" applyAlignment="1">
      <alignment horizontal="center" vertical="center" wrapText="1"/>
    </xf>
    <xf numFmtId="0" fontId="8" fillId="0" borderId="1" xfId="0" applyFont="1" applyBorder="1" applyAlignment="1">
      <alignment horizontal="justify" vertical="center" wrapText="1"/>
    </xf>
    <xf numFmtId="0" fontId="8" fillId="0" borderId="1" xfId="0" applyFont="1" applyBorder="1" applyAlignment="1">
      <alignment horizontal="center" vertical="center" wrapText="1"/>
    </xf>
    <xf numFmtId="0" fontId="0" fillId="0" borderId="0" xfId="0" applyAlignment="1">
      <alignment vertical="center"/>
    </xf>
    <xf numFmtId="49" fontId="10" fillId="0" borderId="6" xfId="0" applyNumberFormat="1" applyFont="1" applyBorder="1" applyAlignment="1">
      <alignment horizontal="center" vertical="center"/>
    </xf>
    <xf numFmtId="179" fontId="10" fillId="0" borderId="6" xfId="0" applyNumberFormat="1" applyFont="1" applyBorder="1" applyAlignment="1">
      <alignment vertical="center"/>
    </xf>
    <xf numFmtId="0" fontId="10" fillId="0" borderId="6" xfId="0" applyFont="1" applyBorder="1" applyAlignment="1">
      <alignment horizontal="justify" vertical="center"/>
    </xf>
    <xf numFmtId="177" fontId="10" fillId="0" borderId="6" xfId="0" applyNumberFormat="1" applyFont="1" applyBorder="1" applyAlignment="1">
      <alignment horizontal="right" vertical="center"/>
    </xf>
    <xf numFmtId="179" fontId="10" fillId="0" borderId="7" xfId="0" applyNumberFormat="1" applyFont="1" applyBorder="1" applyAlignment="1">
      <alignment vertical="center"/>
    </xf>
    <xf numFmtId="177" fontId="10" fillId="0" borderId="8" xfId="0" applyNumberFormat="1" applyFont="1" applyBorder="1" applyAlignment="1">
      <alignment horizontal="right" vertical="center"/>
    </xf>
    <xf numFmtId="0" fontId="10" fillId="0" borderId="9" xfId="0" applyFont="1" applyBorder="1" applyAlignment="1">
      <alignment horizontal="justify" vertical="center" wrapText="1"/>
    </xf>
    <xf numFmtId="177" fontId="10" fillId="0" borderId="10" xfId="0" applyNumberFormat="1" applyFont="1" applyBorder="1" applyAlignment="1">
      <alignment horizontal="right" vertical="center"/>
    </xf>
    <xf numFmtId="0" fontId="10" fillId="0" borderId="11" xfId="0" applyFont="1" applyBorder="1" applyAlignment="1">
      <alignment horizontal="justify" vertical="center" wrapText="1"/>
    </xf>
    <xf numFmtId="179" fontId="10" fillId="0" borderId="6" xfId="0" applyNumberFormat="1" applyFont="1" applyBorder="1" applyAlignment="1">
      <alignment vertical="center" wrapText="1"/>
    </xf>
    <xf numFmtId="0" fontId="10" fillId="0" borderId="6" xfId="0" applyFont="1" applyBorder="1" applyAlignment="1">
      <alignment vertical="center" wrapText="1"/>
    </xf>
    <xf numFmtId="177" fontId="10" fillId="0" borderId="6" xfId="0" applyNumberFormat="1" applyFont="1" applyBorder="1" applyAlignment="1">
      <alignment horizontal="right" vertical="center" wrapText="1"/>
    </xf>
    <xf numFmtId="49" fontId="10" fillId="0" borderId="7" xfId="0" applyNumberFormat="1" applyFont="1" applyBorder="1" applyAlignment="1">
      <alignment horizontal="center" vertical="center"/>
    </xf>
    <xf numFmtId="0" fontId="10" fillId="0" borderId="7" xfId="0" applyFont="1" applyBorder="1" applyAlignment="1">
      <alignment horizontal="justify" vertical="center"/>
    </xf>
    <xf numFmtId="177" fontId="10" fillId="0" borderId="7" xfId="0" applyNumberFormat="1" applyFont="1" applyBorder="1" applyAlignment="1">
      <alignment horizontal="right" vertical="center"/>
    </xf>
    <xf numFmtId="179" fontId="10" fillId="0" borderId="7" xfId="0" applyNumberFormat="1" applyFont="1" applyBorder="1" applyAlignment="1">
      <alignment vertical="center" wrapText="1"/>
    </xf>
    <xf numFmtId="0" fontId="0" fillId="0" borderId="12" xfId="0" applyBorder="1">
      <alignment vertical="center"/>
    </xf>
    <xf numFmtId="49" fontId="4" fillId="0" borderId="14" xfId="0" applyNumberFormat="1" applyFont="1" applyBorder="1" applyAlignment="1">
      <alignment horizontal="center" vertical="center" wrapText="1"/>
    </xf>
    <xf numFmtId="176" fontId="4" fillId="0" borderId="14" xfId="0" applyNumberFormat="1" applyFont="1" applyBorder="1" applyAlignment="1">
      <alignment horizontal="center" vertical="center" wrapText="1"/>
    </xf>
    <xf numFmtId="0" fontId="4" fillId="0" borderId="14" xfId="0" applyFont="1" applyBorder="1" applyAlignment="1">
      <alignment horizontal="justify" vertical="center" wrapText="1"/>
    </xf>
    <xf numFmtId="0" fontId="4" fillId="0" borderId="14" xfId="0" applyFont="1" applyBorder="1" applyAlignment="1">
      <alignment vertical="center" wrapText="1"/>
    </xf>
    <xf numFmtId="0" fontId="4" fillId="0" borderId="14" xfId="0" applyFont="1" applyBorder="1" applyAlignment="1">
      <alignment horizontal="left" vertical="center" wrapText="1"/>
    </xf>
    <xf numFmtId="49" fontId="10" fillId="0" borderId="15" xfId="0" applyNumberFormat="1" applyFont="1" applyBorder="1" applyAlignment="1">
      <alignment horizontal="center" vertical="center"/>
    </xf>
    <xf numFmtId="179" fontId="10" fillId="0" borderId="16" xfId="0" applyNumberFormat="1" applyFont="1" applyBorder="1" applyAlignment="1">
      <alignment vertical="center"/>
    </xf>
    <xf numFmtId="0" fontId="10" fillId="0" borderId="15" xfId="0" applyFont="1" applyBorder="1" applyAlignment="1">
      <alignment horizontal="justify" vertical="center"/>
    </xf>
    <xf numFmtId="177" fontId="10" fillId="0" borderId="13" xfId="0" applyNumberFormat="1" applyFont="1" applyBorder="1" applyAlignment="1">
      <alignment horizontal="right" vertical="center"/>
    </xf>
    <xf numFmtId="0" fontId="0" fillId="0" borderId="16" xfId="0" applyBorder="1">
      <alignment vertical="center"/>
    </xf>
    <xf numFmtId="49" fontId="10" fillId="0" borderId="17" xfId="0" applyNumberFormat="1" applyFont="1" applyBorder="1" applyAlignment="1">
      <alignment horizontal="center" vertical="center"/>
    </xf>
    <xf numFmtId="179" fontId="10" fillId="0" borderId="17" xfId="0" applyNumberFormat="1" applyFont="1" applyFill="1" applyBorder="1" applyAlignment="1">
      <alignment vertical="center"/>
    </xf>
    <xf numFmtId="0" fontId="10" fillId="0" borderId="17" xfId="0" applyFont="1" applyBorder="1" applyAlignment="1">
      <alignment horizontal="justify" vertical="center"/>
    </xf>
    <xf numFmtId="0" fontId="4" fillId="0" borderId="1" xfId="0" applyFont="1" applyBorder="1" applyAlignment="1">
      <alignment horizontal="center" vertical="center" wrapText="1"/>
    </xf>
    <xf numFmtId="179" fontId="10" fillId="0" borderId="6" xfId="0" applyNumberFormat="1" applyFont="1" applyFill="1" applyBorder="1" applyAlignment="1">
      <alignment vertical="center"/>
    </xf>
    <xf numFmtId="179" fontId="10" fillId="0" borderId="0" xfId="0" applyNumberFormat="1" applyFont="1" applyAlignment="1">
      <alignment vertical="center"/>
    </xf>
    <xf numFmtId="0" fontId="11" fillId="0" borderId="6" xfId="0" applyFont="1" applyBorder="1" applyAlignment="1">
      <alignment vertical="center" wrapText="1"/>
    </xf>
  </cellXfs>
  <cellStyles count="2">
    <cellStyle name="一般" xfId="0" builtinId="0" customBuiltin="1"/>
    <cellStyle name="超連結"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hyperlink" Target="http://web1.gp.gov.tw/gpis-mbr/pcc/mbgendoor_gov?from=gov&amp;ptype=AFBDOR&amp;rowid=AAAAkaAAWAAAzo%2BAAF" TargetMode="External"/><Relationship Id="rId13" Type="http://schemas.openxmlformats.org/officeDocument/2006/relationships/hyperlink" Target="http://web1.gp.gov.tw/gpis-mbr/pcc/mbgendoor_gov?from=gov&amp;ptype=AFBDOR&amp;rowid=AAAAkaAAoAAAiJeAAP" TargetMode="External"/><Relationship Id="rId18" Type="http://schemas.openxmlformats.org/officeDocument/2006/relationships/hyperlink" Target="http://web1.gp.gov.tw/gpis-mbr/pcc/mbgendoor_gov?from=gov&amp;ptype=AFBDOR&amp;rowid=AAAAkaAALAAAnaIAAM" TargetMode="External"/><Relationship Id="rId3" Type="http://schemas.openxmlformats.org/officeDocument/2006/relationships/hyperlink" Target="http://web1.gp.gov.tw/gpis-mbr/pcc/mbgendoor_gov?from=gov&amp;ptype=AFBDOR&amp;rowid=AAAAkaAASAAAffbAAU" TargetMode="External"/><Relationship Id="rId7" Type="http://schemas.openxmlformats.org/officeDocument/2006/relationships/hyperlink" Target="http://web1.gp.gov.tw/gpis-mbr/pcc/mbgendoor_gov?from=gov&amp;ptype=AFBDOR&amp;rowid=AAAAkaAATAAAfjyAAK" TargetMode="External"/><Relationship Id="rId12" Type="http://schemas.openxmlformats.org/officeDocument/2006/relationships/hyperlink" Target="http://web1.gp.gov.tw/gpis-mbr/pcc/mbgendoor_gov?from=gov&amp;ptype=AFBDOR&amp;rowid=AAAAkaAAnAAAhr1AAD" TargetMode="External"/><Relationship Id="rId17" Type="http://schemas.openxmlformats.org/officeDocument/2006/relationships/hyperlink" Target="http://web1.gp.gov.tw/gpis-mbr/pcc/mbgendoor_gov?from=gov&amp;ptype=AFBDOR&amp;rowid=AAAAkaAALAAAnaIAAM" TargetMode="External"/><Relationship Id="rId2" Type="http://schemas.openxmlformats.org/officeDocument/2006/relationships/hyperlink" Target="http://web1.gp.gov.tw/gpis-mbr/pcc/mbgendoor_gov?from=gov&amp;ptype=AFBDOR&amp;rowid=AAAAkaAAMAAAg4HAAU" TargetMode="External"/><Relationship Id="rId16" Type="http://schemas.openxmlformats.org/officeDocument/2006/relationships/hyperlink" Target="http://web1.gp.gov.tw/gpis-mbr/pcc/mbgendoor_gov?from=gov&amp;ptype=AFBDOR&amp;rowid=AAAAkaAAlAAAlTkAAC" TargetMode="External"/><Relationship Id="rId20" Type="http://schemas.openxmlformats.org/officeDocument/2006/relationships/printerSettings" Target="../printerSettings/printerSettings1.bin"/><Relationship Id="rId1" Type="http://schemas.openxmlformats.org/officeDocument/2006/relationships/hyperlink" Target="http://web1.gp.gov.tw/gpis-mbr/pcc/mbgendoor_gov?from=gov&amp;ptype=AFBDOR&amp;rowid=AAAAkaAAMAAAgvGAAR" TargetMode="External"/><Relationship Id="rId6" Type="http://schemas.openxmlformats.org/officeDocument/2006/relationships/hyperlink" Target="http://web1.gp.gov.tw/gpis-mbr/pcc/mbgendoor_gov?from=gov&amp;ptype=AFBDOR&amp;rowid=AAAAkaAASAAAfneAAP" TargetMode="External"/><Relationship Id="rId11" Type="http://schemas.openxmlformats.org/officeDocument/2006/relationships/hyperlink" Target="http://web1.gp.gov.tw/gpis-mbr/pcc/mbgendoor_gov?from=gov&amp;ptype=AFBDOR&amp;rowid=AAAAkaAAnAAAhx6AAC" TargetMode="External"/><Relationship Id="rId5" Type="http://schemas.openxmlformats.org/officeDocument/2006/relationships/hyperlink" Target="http://web1.gp.gov.tw/gpis-mbr/pcc/mbgendoor_gov?from=gov&amp;ptype=AFBDOR&amp;rowid=AAAAkaAASAAAfnLAAL" TargetMode="External"/><Relationship Id="rId15" Type="http://schemas.openxmlformats.org/officeDocument/2006/relationships/hyperlink" Target="http://web1.gp.gov.tw/gpis-mbr/pcc/mbgendoor_gov?from=gov&amp;ptype=AFBDOR&amp;rowid=AAAAkaAAiAAAk9rAAJ" TargetMode="External"/><Relationship Id="rId10" Type="http://schemas.openxmlformats.org/officeDocument/2006/relationships/hyperlink" Target="http://web1.gp.gov.tw/gpis-mbr/pcc/mbgendoor_gov?from=gov&amp;ptype=AFBDOR&amp;rowid=AAAAkaAAWAAAzrLAAA" TargetMode="External"/><Relationship Id="rId19" Type="http://schemas.openxmlformats.org/officeDocument/2006/relationships/hyperlink" Target="http://web1.gp.gov.tw/gpis-mbr/pcc/mbgendoor_gov?from=gov&amp;ptype=AFBDOR&amp;rowid=AAAAkaAAiAAAlEFAAE" TargetMode="External"/><Relationship Id="rId4" Type="http://schemas.openxmlformats.org/officeDocument/2006/relationships/hyperlink" Target="http://web1.gp.gov.tw/gpis-mbr/pcc/mbgendoor_gov?from=gov&amp;ptype=AFBDOR&amp;rowid=AAAAkaAASAAAfhVAAC" TargetMode="External"/><Relationship Id="rId9" Type="http://schemas.openxmlformats.org/officeDocument/2006/relationships/hyperlink" Target="http://web1.gp.gov.tw/gpis-mbr/pcc/mbgendoor_gov?from=gov&amp;ptype=AFBDOR&amp;rowid=AAAAkaAAWAAAzp2AAS" TargetMode="External"/><Relationship Id="rId14" Type="http://schemas.openxmlformats.org/officeDocument/2006/relationships/hyperlink" Target="http://web1.gp.gov.tw/gpis-mbr/pcc/mbgendoor_gov?from=gov&amp;ptype=AFBDOR&amp;rowid=AAAAkaAAdAAAlboAAU"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388"/>
  <sheetViews>
    <sheetView tabSelected="1" workbookViewId="0">
      <selection activeCell="G6" sqref="G6"/>
    </sheetView>
  </sheetViews>
  <sheetFormatPr defaultColWidth="8" defaultRowHeight="16.2" x14ac:dyDescent="0.3"/>
  <cols>
    <col min="1" max="1" width="8.88671875" customWidth="1"/>
    <col min="2" max="2" width="12.109375" customWidth="1"/>
    <col min="3" max="3" width="30.77734375" customWidth="1"/>
    <col min="4" max="4" width="11.44140625" customWidth="1"/>
    <col min="5" max="5" width="17.77734375" style="62" customWidth="1"/>
    <col min="6" max="6" width="8" customWidth="1"/>
  </cols>
  <sheetData>
    <row r="1" spans="1:5" ht="32.4" x14ac:dyDescent="0.3">
      <c r="A1" s="1" t="s">
        <v>0</v>
      </c>
      <c r="B1" s="2" t="s">
        <v>1</v>
      </c>
      <c r="C1" s="3" t="s">
        <v>2</v>
      </c>
      <c r="D1" s="4" t="s">
        <v>3</v>
      </c>
      <c r="E1" s="3" t="s">
        <v>4</v>
      </c>
    </row>
    <row r="2" spans="1:5" ht="48.6" x14ac:dyDescent="0.3">
      <c r="A2" s="63" t="s">
        <v>1272</v>
      </c>
      <c r="B2" s="64">
        <v>3469000</v>
      </c>
      <c r="C2" s="65" t="s">
        <v>1282</v>
      </c>
      <c r="D2" s="66" t="s">
        <v>1276</v>
      </c>
      <c r="E2" s="65" t="s">
        <v>75</v>
      </c>
    </row>
    <row r="3" spans="1:5" ht="32.4" x14ac:dyDescent="0.3">
      <c r="A3" s="63" t="s">
        <v>1273</v>
      </c>
      <c r="B3" s="64">
        <v>1960000</v>
      </c>
      <c r="C3" s="65" t="s">
        <v>1277</v>
      </c>
      <c r="D3" s="66" t="s">
        <v>1276</v>
      </c>
      <c r="E3" s="72" t="s">
        <v>14</v>
      </c>
    </row>
    <row r="4" spans="1:5" ht="32.4" x14ac:dyDescent="0.3">
      <c r="A4" s="63" t="s">
        <v>1274</v>
      </c>
      <c r="B4" s="94">
        <v>3620000</v>
      </c>
      <c r="C4" s="65" t="s">
        <v>1278</v>
      </c>
      <c r="D4" s="70" t="s">
        <v>1279</v>
      </c>
      <c r="E4" s="71" t="s">
        <v>79</v>
      </c>
    </row>
    <row r="5" spans="1:5" ht="32.4" x14ac:dyDescent="0.3">
      <c r="A5" s="63" t="s">
        <v>1275</v>
      </c>
      <c r="B5" s="95">
        <v>1775000</v>
      </c>
      <c r="C5" s="65" t="s">
        <v>1280</v>
      </c>
      <c r="D5" s="70" t="s">
        <v>1279</v>
      </c>
      <c r="E5" s="65" t="s">
        <v>83</v>
      </c>
    </row>
    <row r="6" spans="1:5" ht="64.8" x14ac:dyDescent="0.3">
      <c r="A6" s="63" t="s">
        <v>1283</v>
      </c>
      <c r="B6" s="94">
        <v>4754915</v>
      </c>
      <c r="C6" s="65" t="s">
        <v>1281</v>
      </c>
      <c r="D6" s="66" t="s">
        <v>1284</v>
      </c>
      <c r="E6" s="96" t="s">
        <v>1285</v>
      </c>
    </row>
    <row r="7" spans="1:5" ht="63.75" customHeight="1" x14ac:dyDescent="0.3">
      <c r="A7" s="5" t="s">
        <v>1262</v>
      </c>
      <c r="B7" s="6">
        <v>6586201</v>
      </c>
      <c r="C7" s="65" t="s">
        <v>1264</v>
      </c>
      <c r="D7" s="93" t="s">
        <v>1266</v>
      </c>
      <c r="E7" s="93" t="s">
        <v>1267</v>
      </c>
    </row>
    <row r="8" spans="1:5" ht="53.25" customHeight="1" x14ac:dyDescent="0.3">
      <c r="A8" s="5" t="s">
        <v>1261</v>
      </c>
      <c r="B8" s="6">
        <v>1965587</v>
      </c>
      <c r="C8" s="65" t="s">
        <v>1265</v>
      </c>
      <c r="D8" s="93" t="s">
        <v>1260</v>
      </c>
      <c r="E8" s="93" t="s">
        <v>1268</v>
      </c>
    </row>
    <row r="9" spans="1:5" ht="50.25" customHeight="1" x14ac:dyDescent="0.3">
      <c r="A9" s="5" t="s">
        <v>1263</v>
      </c>
      <c r="B9" s="6">
        <v>520000</v>
      </c>
      <c r="C9" s="65" t="s">
        <v>1242</v>
      </c>
      <c r="D9" s="93" t="s">
        <v>1257</v>
      </c>
      <c r="E9" s="93" t="s">
        <v>1243</v>
      </c>
    </row>
    <row r="10" spans="1:5" ht="51" customHeight="1" x14ac:dyDescent="0.3">
      <c r="A10" s="5" t="s">
        <v>1259</v>
      </c>
      <c r="B10" s="6">
        <v>245000</v>
      </c>
      <c r="C10" s="65" t="s">
        <v>1258</v>
      </c>
      <c r="D10" s="93" t="s">
        <v>1244</v>
      </c>
      <c r="E10" s="93" t="s">
        <v>1269</v>
      </c>
    </row>
    <row r="11" spans="1:5" ht="39" customHeight="1" x14ac:dyDescent="0.3">
      <c r="A11" s="5" t="s">
        <v>1245</v>
      </c>
      <c r="B11" s="6">
        <v>110000</v>
      </c>
      <c r="C11" s="65" t="s">
        <v>1186</v>
      </c>
      <c r="D11" s="93" t="s">
        <v>1244</v>
      </c>
      <c r="E11" s="93" t="s">
        <v>1270</v>
      </c>
    </row>
    <row r="12" spans="1:5" ht="66" customHeight="1" x14ac:dyDescent="0.3">
      <c r="A12" s="5" t="s">
        <v>1246</v>
      </c>
      <c r="B12" s="6">
        <v>161000</v>
      </c>
      <c r="C12" s="65" t="s">
        <v>1247</v>
      </c>
      <c r="D12" s="93" t="s">
        <v>1248</v>
      </c>
      <c r="E12" s="93" t="s">
        <v>1271</v>
      </c>
    </row>
    <row r="13" spans="1:5" ht="46.5" customHeight="1" x14ac:dyDescent="0.3">
      <c r="A13" s="5" t="s">
        <v>1249</v>
      </c>
      <c r="B13" s="6">
        <v>3200000</v>
      </c>
      <c r="C13" s="65" t="s">
        <v>1250</v>
      </c>
      <c r="D13" s="93" t="s">
        <v>1251</v>
      </c>
      <c r="E13" s="93" t="s">
        <v>1255</v>
      </c>
    </row>
    <row r="14" spans="1:5" ht="45" customHeight="1" x14ac:dyDescent="0.3">
      <c r="A14" s="5" t="s">
        <v>1252</v>
      </c>
      <c r="B14" s="6">
        <v>4070000</v>
      </c>
      <c r="C14" s="65" t="s">
        <v>1253</v>
      </c>
      <c r="D14" s="93" t="s">
        <v>1254</v>
      </c>
      <c r="E14" s="93" t="s">
        <v>1256</v>
      </c>
    </row>
    <row r="15" spans="1:5" s="49" customFormat="1" ht="48" customHeight="1" x14ac:dyDescent="0.3">
      <c r="A15" s="5" t="s">
        <v>1233</v>
      </c>
      <c r="B15" s="6">
        <v>183005</v>
      </c>
      <c r="C15" s="65" t="s">
        <v>1240</v>
      </c>
      <c r="D15" s="93" t="s">
        <v>1235</v>
      </c>
      <c r="E15" s="93" t="s">
        <v>1239</v>
      </c>
    </row>
    <row r="16" spans="1:5" s="49" customFormat="1" ht="46.5" customHeight="1" x14ac:dyDescent="0.3">
      <c r="A16" s="5" t="s">
        <v>1232</v>
      </c>
      <c r="B16" s="6">
        <v>190000</v>
      </c>
      <c r="C16" s="65" t="s">
        <v>1241</v>
      </c>
      <c r="D16" s="93" t="s">
        <v>1234</v>
      </c>
      <c r="E16" s="93" t="s">
        <v>1236</v>
      </c>
    </row>
    <row r="17" spans="1:5" s="49" customFormat="1" ht="46.5" customHeight="1" x14ac:dyDescent="0.3">
      <c r="A17" s="5" t="s">
        <v>1231</v>
      </c>
      <c r="B17" s="6">
        <v>1950000</v>
      </c>
      <c r="C17" s="65" t="s">
        <v>1237</v>
      </c>
      <c r="D17" s="93" t="s">
        <v>1230</v>
      </c>
      <c r="E17" s="93" t="s">
        <v>1229</v>
      </c>
    </row>
    <row r="18" spans="1:5" s="49" customFormat="1" ht="51" customHeight="1" x14ac:dyDescent="0.3">
      <c r="A18" s="5" t="s">
        <v>1222</v>
      </c>
      <c r="B18" s="6">
        <v>620000</v>
      </c>
      <c r="C18" s="65" t="s">
        <v>1238</v>
      </c>
      <c r="D18" s="93" t="s">
        <v>1223</v>
      </c>
      <c r="E18" s="93" t="s">
        <v>1224</v>
      </c>
    </row>
    <row r="19" spans="1:5" s="49" customFormat="1" ht="48.75" customHeight="1" x14ac:dyDescent="0.3">
      <c r="A19" s="5" t="s">
        <v>1218</v>
      </c>
      <c r="B19" s="6">
        <v>470000</v>
      </c>
      <c r="C19" s="65" t="s">
        <v>1221</v>
      </c>
      <c r="D19" s="93" t="s">
        <v>1219</v>
      </c>
      <c r="E19" s="93" t="s">
        <v>1220</v>
      </c>
    </row>
    <row r="20" spans="1:5" s="49" customFormat="1" ht="66.75" customHeight="1" x14ac:dyDescent="0.3">
      <c r="A20" s="63" t="s">
        <v>1226</v>
      </c>
      <c r="B20" s="64">
        <v>1094000</v>
      </c>
      <c r="C20" s="65" t="s">
        <v>1225</v>
      </c>
      <c r="D20" s="66" t="s">
        <v>1227</v>
      </c>
      <c r="E20" s="72" t="s">
        <v>1228</v>
      </c>
    </row>
    <row r="21" spans="1:5" s="49" customFormat="1" ht="48" customHeight="1" x14ac:dyDescent="0.3">
      <c r="A21" s="5" t="s">
        <v>1212</v>
      </c>
      <c r="B21" s="6">
        <v>4120000</v>
      </c>
      <c r="C21" s="65" t="s">
        <v>1216</v>
      </c>
      <c r="D21" s="93" t="s">
        <v>1217</v>
      </c>
      <c r="E21" s="93" t="s">
        <v>1198</v>
      </c>
    </row>
    <row r="22" spans="1:5" s="49" customFormat="1" ht="47.25" customHeight="1" x14ac:dyDescent="0.3">
      <c r="A22" s="5" t="s">
        <v>1211</v>
      </c>
      <c r="B22" s="6">
        <v>1700000</v>
      </c>
      <c r="C22" s="65" t="s">
        <v>1215</v>
      </c>
      <c r="D22" s="93" t="s">
        <v>1213</v>
      </c>
      <c r="E22" s="93" t="s">
        <v>1214</v>
      </c>
    </row>
    <row r="23" spans="1:5" s="49" customFormat="1" ht="48.75" customHeight="1" x14ac:dyDescent="0.3">
      <c r="A23" s="5" t="s">
        <v>1207</v>
      </c>
      <c r="B23" s="6">
        <v>1530000</v>
      </c>
      <c r="C23" s="65" t="s">
        <v>1210</v>
      </c>
      <c r="D23" s="93" t="s">
        <v>1209</v>
      </c>
      <c r="E23" s="93" t="s">
        <v>14</v>
      </c>
    </row>
    <row r="24" spans="1:5" s="49" customFormat="1" ht="51.75" customHeight="1" x14ac:dyDescent="0.3">
      <c r="A24" s="90" t="s">
        <v>1192</v>
      </c>
      <c r="B24" s="91">
        <v>3482000</v>
      </c>
      <c r="C24" s="92" t="s">
        <v>1208</v>
      </c>
      <c r="D24" s="68" t="s">
        <v>1193</v>
      </c>
      <c r="E24" s="69" t="s">
        <v>1194</v>
      </c>
    </row>
    <row r="25" spans="1:5" s="49" customFormat="1" ht="75" customHeight="1" x14ac:dyDescent="0.3">
      <c r="A25" s="63" t="s">
        <v>1188</v>
      </c>
      <c r="B25" s="72">
        <v>162000</v>
      </c>
      <c r="C25" s="73" t="s">
        <v>1189</v>
      </c>
      <c r="D25" s="66" t="s">
        <v>1190</v>
      </c>
      <c r="E25" s="65" t="s">
        <v>1191</v>
      </c>
    </row>
    <row r="26" spans="1:5" s="49" customFormat="1" ht="37.5" customHeight="1" x14ac:dyDescent="0.3">
      <c r="A26" s="63" t="s">
        <v>1185</v>
      </c>
      <c r="B26" s="72">
        <v>110000</v>
      </c>
      <c r="C26" s="73" t="s">
        <v>1186</v>
      </c>
      <c r="D26" s="66" t="s">
        <v>1187</v>
      </c>
      <c r="E26" s="72" t="s">
        <v>48</v>
      </c>
    </row>
    <row r="27" spans="1:5" s="49" customFormat="1" ht="45" customHeight="1" x14ac:dyDescent="0.3">
      <c r="A27" s="63" t="s">
        <v>1182</v>
      </c>
      <c r="B27" s="72">
        <v>698000</v>
      </c>
      <c r="C27" s="73" t="s">
        <v>1183</v>
      </c>
      <c r="D27" s="74" t="s">
        <v>1184</v>
      </c>
      <c r="E27" s="71" t="s">
        <v>1161</v>
      </c>
    </row>
    <row r="28" spans="1:5" s="49" customFormat="1" ht="39.75" customHeight="1" x14ac:dyDescent="0.3">
      <c r="A28" s="63" t="s">
        <v>1178</v>
      </c>
      <c r="B28" s="72">
        <v>6540739</v>
      </c>
      <c r="C28" s="73" t="s">
        <v>1179</v>
      </c>
      <c r="D28" s="66" t="s">
        <v>1180</v>
      </c>
      <c r="E28" s="73" t="s">
        <v>1181</v>
      </c>
    </row>
    <row r="29" spans="1:5" ht="50.25" customHeight="1" x14ac:dyDescent="0.3">
      <c r="A29" s="63" t="s">
        <v>1175</v>
      </c>
      <c r="B29" s="72">
        <v>244000</v>
      </c>
      <c r="C29" s="73" t="s">
        <v>1176</v>
      </c>
      <c r="D29" s="66" t="s">
        <v>1177</v>
      </c>
      <c r="E29" s="71" t="s">
        <v>1161</v>
      </c>
    </row>
    <row r="30" spans="1:5" ht="51.75" customHeight="1" x14ac:dyDescent="0.3">
      <c r="A30" s="63" t="s">
        <v>1172</v>
      </c>
      <c r="B30" s="72">
        <v>950000</v>
      </c>
      <c r="C30" s="73" t="s">
        <v>1173</v>
      </c>
      <c r="D30" s="70" t="s">
        <v>1174</v>
      </c>
      <c r="E30" s="71" t="s">
        <v>1161</v>
      </c>
    </row>
    <row r="31" spans="1:5" ht="51.75" customHeight="1" x14ac:dyDescent="0.3">
      <c r="A31" s="63" t="s">
        <v>1168</v>
      </c>
      <c r="B31" s="64">
        <v>332000</v>
      </c>
      <c r="C31" s="65" t="s">
        <v>1169</v>
      </c>
      <c r="D31" s="68" t="s">
        <v>1170</v>
      </c>
      <c r="E31" s="69" t="s">
        <v>1171</v>
      </c>
    </row>
    <row r="32" spans="1:5" ht="54.75" customHeight="1" x14ac:dyDescent="0.3">
      <c r="A32" s="63" t="s">
        <v>1164</v>
      </c>
      <c r="B32" s="67">
        <v>506736</v>
      </c>
      <c r="C32" s="65" t="s">
        <v>1165</v>
      </c>
      <c r="D32" s="66" t="s">
        <v>1166</v>
      </c>
      <c r="E32" s="65" t="s">
        <v>1167</v>
      </c>
    </row>
    <row r="33" spans="1:5" ht="50.25" customHeight="1" x14ac:dyDescent="0.3">
      <c r="A33" s="63" t="s">
        <v>1159</v>
      </c>
      <c r="B33" s="64">
        <v>400000</v>
      </c>
      <c r="C33" s="65" t="s">
        <v>1160</v>
      </c>
      <c r="D33" s="66" t="s">
        <v>1162</v>
      </c>
      <c r="E33" s="65" t="s">
        <v>1163</v>
      </c>
    </row>
    <row r="34" spans="1:5" ht="67.5" customHeight="1" x14ac:dyDescent="0.3">
      <c r="A34" s="5" t="s">
        <v>5</v>
      </c>
      <c r="B34" s="6">
        <v>494000</v>
      </c>
      <c r="C34" s="7" t="s">
        <v>6</v>
      </c>
      <c r="D34" s="8" t="s">
        <v>7</v>
      </c>
      <c r="E34" s="9" t="s">
        <v>8</v>
      </c>
    </row>
    <row r="35" spans="1:5" ht="47.25" customHeight="1" x14ac:dyDescent="0.3">
      <c r="A35" s="63" t="s">
        <v>1203</v>
      </c>
      <c r="B35" s="64">
        <v>787690</v>
      </c>
      <c r="C35" s="65" t="s">
        <v>1204</v>
      </c>
      <c r="D35" s="66" t="s">
        <v>1205</v>
      </c>
      <c r="E35" s="65" t="s">
        <v>1206</v>
      </c>
    </row>
    <row r="36" spans="1:5" ht="48" customHeight="1" x14ac:dyDescent="0.3">
      <c r="A36" s="75" t="s">
        <v>1199</v>
      </c>
      <c r="B36" s="67">
        <v>3462000</v>
      </c>
      <c r="C36" s="76" t="s">
        <v>1200</v>
      </c>
      <c r="D36" s="77" t="s">
        <v>1201</v>
      </c>
      <c r="E36" s="78" t="s">
        <v>1202</v>
      </c>
    </row>
    <row r="37" spans="1:5" s="79" customFormat="1" ht="72.75" customHeight="1" x14ac:dyDescent="0.3">
      <c r="A37" s="5" t="s">
        <v>9</v>
      </c>
      <c r="B37" s="6">
        <v>931000</v>
      </c>
      <c r="C37" s="7" t="s">
        <v>10</v>
      </c>
      <c r="D37" s="8" t="s">
        <v>11</v>
      </c>
      <c r="E37" s="9" t="s">
        <v>8</v>
      </c>
    </row>
    <row r="38" spans="1:5" s="89" customFormat="1" ht="159.9" customHeight="1" x14ac:dyDescent="0.3">
      <c r="A38" s="85" t="s">
        <v>1195</v>
      </c>
      <c r="B38" s="86">
        <v>4590000</v>
      </c>
      <c r="C38" s="87" t="s">
        <v>1196</v>
      </c>
      <c r="D38" s="88" t="s">
        <v>1197</v>
      </c>
      <c r="E38" s="87" t="s">
        <v>1198</v>
      </c>
    </row>
    <row r="39" spans="1:5" ht="159.9" customHeight="1" x14ac:dyDescent="0.3">
      <c r="A39" s="80" t="s">
        <v>12</v>
      </c>
      <c r="B39" s="81">
        <v>931000</v>
      </c>
      <c r="C39" s="82" t="s">
        <v>13</v>
      </c>
      <c r="D39" s="83" t="s">
        <v>11</v>
      </c>
      <c r="E39" s="84" t="s">
        <v>14</v>
      </c>
    </row>
    <row r="40" spans="1:5" ht="159.9" customHeight="1" x14ac:dyDescent="0.3">
      <c r="A40" s="5" t="s">
        <v>15</v>
      </c>
      <c r="B40" s="6">
        <v>797000</v>
      </c>
      <c r="C40" s="7" t="s">
        <v>16</v>
      </c>
      <c r="D40" s="8" t="s">
        <v>17</v>
      </c>
      <c r="E40" s="9" t="s">
        <v>18</v>
      </c>
    </row>
    <row r="41" spans="1:5" ht="159.9" customHeight="1" x14ac:dyDescent="0.3">
      <c r="A41" s="5" t="s">
        <v>19</v>
      </c>
      <c r="B41" s="6">
        <v>1530000</v>
      </c>
      <c r="C41" s="7" t="s">
        <v>20</v>
      </c>
      <c r="D41" s="8" t="s">
        <v>17</v>
      </c>
      <c r="E41" s="9" t="s">
        <v>21</v>
      </c>
    </row>
    <row r="42" spans="1:5" ht="159.9" customHeight="1" x14ac:dyDescent="0.3">
      <c r="A42" s="5" t="s">
        <v>22</v>
      </c>
      <c r="B42" s="6">
        <v>5231155</v>
      </c>
      <c r="C42" s="7" t="s">
        <v>23</v>
      </c>
      <c r="D42" s="8" t="s">
        <v>24</v>
      </c>
      <c r="E42" s="9" t="s">
        <v>25</v>
      </c>
    </row>
    <row r="43" spans="1:5" ht="159.9" customHeight="1" x14ac:dyDescent="0.3">
      <c r="A43" s="5" t="s">
        <v>26</v>
      </c>
      <c r="B43" s="6">
        <v>112896</v>
      </c>
      <c r="C43" s="7" t="s">
        <v>27</v>
      </c>
      <c r="D43" s="8" t="s">
        <v>28</v>
      </c>
      <c r="E43" s="9" t="s">
        <v>29</v>
      </c>
    </row>
    <row r="44" spans="1:5" ht="159.9" customHeight="1" x14ac:dyDescent="0.3">
      <c r="A44" s="5" t="s">
        <v>30</v>
      </c>
      <c r="B44" s="6">
        <v>290000</v>
      </c>
      <c r="C44" s="7" t="s">
        <v>31</v>
      </c>
      <c r="D44" s="8" t="s">
        <v>32</v>
      </c>
      <c r="E44" s="9" t="s">
        <v>18</v>
      </c>
    </row>
    <row r="45" spans="1:5" ht="159.9" customHeight="1" x14ac:dyDescent="0.3">
      <c r="A45" s="5" t="s">
        <v>33</v>
      </c>
      <c r="B45" s="6">
        <v>172000</v>
      </c>
      <c r="C45" s="7" t="s">
        <v>34</v>
      </c>
      <c r="D45" s="8" t="s">
        <v>32</v>
      </c>
      <c r="E45" s="9" t="s">
        <v>35</v>
      </c>
    </row>
    <row r="46" spans="1:5" ht="159.9" customHeight="1" x14ac:dyDescent="0.3">
      <c r="A46" s="5" t="s">
        <v>36</v>
      </c>
      <c r="B46" s="6">
        <v>2008744</v>
      </c>
      <c r="C46" s="7" t="s">
        <v>37</v>
      </c>
      <c r="D46" s="8" t="s">
        <v>32</v>
      </c>
      <c r="E46" s="9" t="s">
        <v>38</v>
      </c>
    </row>
    <row r="47" spans="1:5" ht="159.9" customHeight="1" x14ac:dyDescent="0.3">
      <c r="A47" s="10" t="s">
        <v>39</v>
      </c>
      <c r="B47" s="11">
        <v>188000</v>
      </c>
      <c r="C47" s="8" t="s">
        <v>40</v>
      </c>
      <c r="D47" s="12" t="s">
        <v>41</v>
      </c>
      <c r="E47" s="7" t="s">
        <v>18</v>
      </c>
    </row>
    <row r="48" spans="1:5" ht="159.9" customHeight="1" x14ac:dyDescent="0.3">
      <c r="A48" s="10" t="s">
        <v>42</v>
      </c>
      <c r="B48" s="11">
        <v>1366000</v>
      </c>
      <c r="C48" s="8" t="s">
        <v>43</v>
      </c>
      <c r="D48" s="13" t="s">
        <v>44</v>
      </c>
      <c r="E48" s="14" t="s">
        <v>45</v>
      </c>
    </row>
    <row r="49" spans="1:5" ht="159.9" customHeight="1" x14ac:dyDescent="0.3">
      <c r="A49" s="10" t="s">
        <v>46</v>
      </c>
      <c r="B49" s="11">
        <v>110000</v>
      </c>
      <c r="C49" s="8" t="s">
        <v>47</v>
      </c>
      <c r="D49" s="13" t="s">
        <v>44</v>
      </c>
      <c r="E49" s="15" t="s">
        <v>48</v>
      </c>
    </row>
    <row r="50" spans="1:5" ht="159.9" customHeight="1" x14ac:dyDescent="0.3">
      <c r="A50" s="5" t="s">
        <v>49</v>
      </c>
      <c r="B50" s="6">
        <v>158300</v>
      </c>
      <c r="C50" s="7" t="s">
        <v>50</v>
      </c>
      <c r="D50" s="8" t="s">
        <v>51</v>
      </c>
      <c r="E50" s="9" t="s">
        <v>52</v>
      </c>
    </row>
    <row r="51" spans="1:5" ht="159.9" customHeight="1" x14ac:dyDescent="0.3">
      <c r="A51" s="5" t="s">
        <v>53</v>
      </c>
      <c r="B51" s="6">
        <v>194500</v>
      </c>
      <c r="C51" s="7" t="s">
        <v>54</v>
      </c>
      <c r="D51" s="8" t="s">
        <v>55</v>
      </c>
      <c r="E51" s="9" t="s">
        <v>56</v>
      </c>
    </row>
    <row r="52" spans="1:5" ht="159.9" customHeight="1" x14ac:dyDescent="0.3">
      <c r="A52" s="10" t="s">
        <v>57</v>
      </c>
      <c r="B52" s="11">
        <v>98000</v>
      </c>
      <c r="C52" s="8" t="s">
        <v>58</v>
      </c>
      <c r="D52" s="13" t="s">
        <v>59</v>
      </c>
      <c r="E52" s="9" t="s">
        <v>8</v>
      </c>
    </row>
    <row r="53" spans="1:5" ht="159.9" customHeight="1" x14ac:dyDescent="0.3">
      <c r="A53" s="5" t="s">
        <v>60</v>
      </c>
      <c r="B53" s="6">
        <v>983000</v>
      </c>
      <c r="C53" s="7" t="s">
        <v>61</v>
      </c>
      <c r="D53" s="8" t="s">
        <v>62</v>
      </c>
      <c r="E53" s="9" t="s">
        <v>63</v>
      </c>
    </row>
    <row r="54" spans="1:5" ht="159.9" customHeight="1" x14ac:dyDescent="0.3">
      <c r="A54" s="10" t="s">
        <v>64</v>
      </c>
      <c r="B54" s="16">
        <v>2000000</v>
      </c>
      <c r="C54" s="7" t="s">
        <v>65</v>
      </c>
      <c r="D54" s="13" t="s">
        <v>66</v>
      </c>
      <c r="E54" s="7" t="s">
        <v>67</v>
      </c>
    </row>
    <row r="55" spans="1:5" ht="159.9" customHeight="1" x14ac:dyDescent="0.3">
      <c r="A55" s="10" t="s">
        <v>68</v>
      </c>
      <c r="B55" s="16">
        <v>920000</v>
      </c>
      <c r="C55" s="7" t="s">
        <v>69</v>
      </c>
      <c r="D55" s="13" t="s">
        <v>70</v>
      </c>
      <c r="E55" s="7" t="s">
        <v>71</v>
      </c>
    </row>
    <row r="56" spans="1:5" ht="159.9" customHeight="1" x14ac:dyDescent="0.3">
      <c r="A56" s="10" t="s">
        <v>72</v>
      </c>
      <c r="B56" s="16">
        <v>3460000</v>
      </c>
      <c r="C56" s="14" t="s">
        <v>73</v>
      </c>
      <c r="D56" s="13" t="s">
        <v>74</v>
      </c>
      <c r="E56" s="7" t="s">
        <v>75</v>
      </c>
    </row>
    <row r="57" spans="1:5" ht="159.9" customHeight="1" x14ac:dyDescent="0.3">
      <c r="A57" s="10" t="s">
        <v>76</v>
      </c>
      <c r="B57" s="16">
        <v>4427000</v>
      </c>
      <c r="C57" s="14" t="s">
        <v>77</v>
      </c>
      <c r="D57" s="13" t="s">
        <v>78</v>
      </c>
      <c r="E57" s="7" t="s">
        <v>79</v>
      </c>
    </row>
    <row r="58" spans="1:5" ht="159.9" customHeight="1" x14ac:dyDescent="0.3">
      <c r="A58" s="10" t="s">
        <v>80</v>
      </c>
      <c r="B58" s="16">
        <v>1770000</v>
      </c>
      <c r="C58" s="14" t="s">
        <v>81</v>
      </c>
      <c r="D58" s="13" t="s">
        <v>82</v>
      </c>
      <c r="E58" s="7" t="s">
        <v>83</v>
      </c>
    </row>
    <row r="59" spans="1:5" ht="159.9" customHeight="1" x14ac:dyDescent="0.3">
      <c r="A59" s="10" t="s">
        <v>84</v>
      </c>
      <c r="B59" s="16">
        <v>931155</v>
      </c>
      <c r="C59" s="11" t="s">
        <v>85</v>
      </c>
      <c r="D59" s="8" t="s">
        <v>86</v>
      </c>
      <c r="E59" s="7" t="s">
        <v>79</v>
      </c>
    </row>
    <row r="60" spans="1:5" ht="159.9" customHeight="1" x14ac:dyDescent="0.3">
      <c r="A60" s="10" t="s">
        <v>87</v>
      </c>
      <c r="B60" s="16">
        <v>897400</v>
      </c>
      <c r="C60" s="11" t="s">
        <v>88</v>
      </c>
      <c r="D60" s="8" t="s">
        <v>89</v>
      </c>
      <c r="E60" s="9" t="s">
        <v>90</v>
      </c>
    </row>
    <row r="61" spans="1:5" ht="159.9" customHeight="1" x14ac:dyDescent="0.3">
      <c r="A61" s="10" t="s">
        <v>91</v>
      </c>
      <c r="B61" s="16">
        <v>170000</v>
      </c>
      <c r="C61" s="14" t="s">
        <v>92</v>
      </c>
      <c r="D61" s="13" t="s">
        <v>93</v>
      </c>
      <c r="E61" s="14" t="s">
        <v>35</v>
      </c>
    </row>
    <row r="62" spans="1:5" ht="159.9" customHeight="1" x14ac:dyDescent="0.3">
      <c r="A62" s="10" t="s">
        <v>94</v>
      </c>
      <c r="B62" s="16">
        <v>565000</v>
      </c>
      <c r="C62" s="14" t="s">
        <v>95</v>
      </c>
      <c r="D62" s="13" t="s">
        <v>93</v>
      </c>
      <c r="E62" s="7" t="s">
        <v>18</v>
      </c>
    </row>
    <row r="63" spans="1:5" ht="159.9" customHeight="1" x14ac:dyDescent="0.3">
      <c r="A63" s="10" t="s">
        <v>96</v>
      </c>
      <c r="B63" s="17">
        <v>118000</v>
      </c>
      <c r="C63" s="14" t="s">
        <v>97</v>
      </c>
      <c r="D63" s="13" t="s">
        <v>98</v>
      </c>
      <c r="E63" s="7" t="s">
        <v>18</v>
      </c>
    </row>
    <row r="64" spans="1:5" ht="159.9" customHeight="1" x14ac:dyDescent="0.3">
      <c r="A64" s="10" t="s">
        <v>99</v>
      </c>
      <c r="B64" s="16">
        <v>1500000</v>
      </c>
      <c r="C64" s="14" t="s">
        <v>100</v>
      </c>
      <c r="D64" s="13" t="s">
        <v>98</v>
      </c>
      <c r="E64" s="14" t="s">
        <v>45</v>
      </c>
    </row>
    <row r="65" spans="1:5" ht="159.9" customHeight="1" x14ac:dyDescent="0.3">
      <c r="A65" s="18" t="s">
        <v>101</v>
      </c>
      <c r="B65" s="19">
        <v>297000</v>
      </c>
      <c r="C65" s="20" t="s">
        <v>102</v>
      </c>
      <c r="D65" s="21" t="s">
        <v>103</v>
      </c>
      <c r="E65" s="22" t="s">
        <v>104</v>
      </c>
    </row>
    <row r="66" spans="1:5" ht="159.9" customHeight="1" x14ac:dyDescent="0.3">
      <c r="A66" s="18" t="s">
        <v>105</v>
      </c>
      <c r="B66" s="23">
        <v>768420</v>
      </c>
      <c r="C66" s="20" t="s">
        <v>106</v>
      </c>
      <c r="D66" s="21" t="s">
        <v>107</v>
      </c>
      <c r="E66" s="22" t="s">
        <v>104</v>
      </c>
    </row>
    <row r="67" spans="1:5" ht="159.9" customHeight="1" x14ac:dyDescent="0.3">
      <c r="A67" s="18" t="s">
        <v>108</v>
      </c>
      <c r="B67" s="19">
        <v>5081767</v>
      </c>
      <c r="C67" s="20" t="s">
        <v>109</v>
      </c>
      <c r="D67" s="21" t="s">
        <v>110</v>
      </c>
      <c r="E67" s="24" t="s">
        <v>111</v>
      </c>
    </row>
    <row r="68" spans="1:5" ht="159.9" customHeight="1" x14ac:dyDescent="0.3">
      <c r="A68" s="18" t="s">
        <v>112</v>
      </c>
      <c r="B68" s="19">
        <v>968583</v>
      </c>
      <c r="C68" s="20" t="s">
        <v>113</v>
      </c>
      <c r="D68" s="21" t="s">
        <v>114</v>
      </c>
      <c r="E68" s="22" t="s">
        <v>104</v>
      </c>
    </row>
    <row r="69" spans="1:5" ht="159.9" customHeight="1" x14ac:dyDescent="0.3">
      <c r="A69" s="18" t="s">
        <v>115</v>
      </c>
      <c r="B69" s="19">
        <v>160000</v>
      </c>
      <c r="C69" s="25" t="s">
        <v>116</v>
      </c>
      <c r="D69" s="21" t="s">
        <v>117</v>
      </c>
      <c r="E69" s="25" t="s">
        <v>118</v>
      </c>
    </row>
    <row r="70" spans="1:5" ht="159.9" customHeight="1" x14ac:dyDescent="0.3">
      <c r="A70" s="18" t="s">
        <v>120</v>
      </c>
      <c r="B70" s="19">
        <v>499800</v>
      </c>
      <c r="C70" s="25" t="s">
        <v>121</v>
      </c>
      <c r="D70" s="21" t="s">
        <v>122</v>
      </c>
      <c r="E70" s="25" t="s">
        <v>123</v>
      </c>
    </row>
    <row r="71" spans="1:5" ht="159.9" customHeight="1" x14ac:dyDescent="0.3">
      <c r="A71" s="18" t="s">
        <v>124</v>
      </c>
      <c r="B71" s="19">
        <v>136600</v>
      </c>
      <c r="C71" s="25" t="s">
        <v>125</v>
      </c>
      <c r="D71" s="21" t="s">
        <v>126</v>
      </c>
      <c r="E71" s="25" t="s">
        <v>104</v>
      </c>
    </row>
    <row r="72" spans="1:5" ht="159.9" customHeight="1" x14ac:dyDescent="0.3">
      <c r="A72" s="18" t="s">
        <v>127</v>
      </c>
      <c r="B72" s="23">
        <v>690000</v>
      </c>
      <c r="C72" s="20" t="s">
        <v>128</v>
      </c>
      <c r="D72" s="21" t="s">
        <v>129</v>
      </c>
      <c r="E72" s="24" t="s">
        <v>130</v>
      </c>
    </row>
    <row r="73" spans="1:5" ht="159.9" customHeight="1" x14ac:dyDescent="0.3">
      <c r="A73" s="18" t="s">
        <v>131</v>
      </c>
      <c r="B73" s="19">
        <v>2025845</v>
      </c>
      <c r="C73" s="25" t="s">
        <v>132</v>
      </c>
      <c r="D73" s="21" t="s">
        <v>133</v>
      </c>
      <c r="E73" s="27" t="s">
        <v>134</v>
      </c>
    </row>
    <row r="74" spans="1:5" ht="159.9" customHeight="1" x14ac:dyDescent="0.3">
      <c r="A74" s="18" t="s">
        <v>135</v>
      </c>
      <c r="B74" s="23">
        <v>3285200</v>
      </c>
      <c r="C74" s="20" t="s">
        <v>136</v>
      </c>
      <c r="D74" s="21" t="s">
        <v>137</v>
      </c>
      <c r="E74" s="24" t="s">
        <v>138</v>
      </c>
    </row>
    <row r="75" spans="1:5" ht="159.9" customHeight="1" x14ac:dyDescent="0.3">
      <c r="A75" s="18" t="s">
        <v>139</v>
      </c>
      <c r="B75" s="23">
        <v>880000</v>
      </c>
      <c r="C75" s="20" t="s">
        <v>140</v>
      </c>
      <c r="D75" s="21" t="s">
        <v>141</v>
      </c>
      <c r="E75" s="24" t="s">
        <v>142</v>
      </c>
    </row>
    <row r="76" spans="1:5" ht="159.9" customHeight="1" x14ac:dyDescent="0.3">
      <c r="A76" s="18" t="s">
        <v>143</v>
      </c>
      <c r="B76" s="23">
        <v>95000</v>
      </c>
      <c r="C76" s="20" t="s">
        <v>144</v>
      </c>
      <c r="D76" s="21" t="s">
        <v>141</v>
      </c>
      <c r="E76" s="24"/>
    </row>
    <row r="77" spans="1:5" ht="159.9" customHeight="1" x14ac:dyDescent="0.3">
      <c r="A77" s="18" t="s">
        <v>145</v>
      </c>
      <c r="B77" s="23">
        <v>1662800</v>
      </c>
      <c r="C77" s="20" t="s">
        <v>146</v>
      </c>
      <c r="D77" s="21" t="s">
        <v>147</v>
      </c>
      <c r="E77" s="24" t="s">
        <v>148</v>
      </c>
    </row>
    <row r="78" spans="1:5" ht="159.9" customHeight="1" x14ac:dyDescent="0.3">
      <c r="A78" s="18" t="s">
        <v>149</v>
      </c>
      <c r="B78" s="19">
        <v>920000</v>
      </c>
      <c r="C78" s="20" t="s">
        <v>150</v>
      </c>
      <c r="D78" s="21" t="s">
        <v>151</v>
      </c>
      <c r="E78" s="24" t="s">
        <v>152</v>
      </c>
    </row>
    <row r="79" spans="1:5" ht="159.9" customHeight="1" x14ac:dyDescent="0.3">
      <c r="A79" s="18" t="s">
        <v>153</v>
      </c>
      <c r="B79" s="23">
        <v>344000</v>
      </c>
      <c r="C79" s="20" t="s">
        <v>154</v>
      </c>
      <c r="D79" s="21" t="s">
        <v>155</v>
      </c>
      <c r="E79" s="24" t="s">
        <v>156</v>
      </c>
    </row>
    <row r="80" spans="1:5" ht="159.9" customHeight="1" x14ac:dyDescent="0.3">
      <c r="A80" s="18" t="s">
        <v>157</v>
      </c>
      <c r="B80" s="23">
        <v>1081080</v>
      </c>
      <c r="C80" s="20" t="s">
        <v>158</v>
      </c>
      <c r="D80" s="21" t="s">
        <v>159</v>
      </c>
      <c r="E80" s="24" t="s">
        <v>160</v>
      </c>
    </row>
    <row r="81" spans="1:5" ht="159.9" customHeight="1" x14ac:dyDescent="0.3">
      <c r="A81" s="18" t="s">
        <v>161</v>
      </c>
      <c r="B81" s="23">
        <v>4689356</v>
      </c>
      <c r="C81" s="20" t="s">
        <v>162</v>
      </c>
      <c r="D81" s="21" t="s">
        <v>163</v>
      </c>
      <c r="E81" s="24" t="s">
        <v>152</v>
      </c>
    </row>
    <row r="82" spans="1:5" ht="159.9" customHeight="1" x14ac:dyDescent="0.3">
      <c r="A82" s="18" t="s">
        <v>164</v>
      </c>
      <c r="B82" s="23">
        <v>800000</v>
      </c>
      <c r="C82" s="20" t="s">
        <v>165</v>
      </c>
      <c r="D82" s="21" t="s">
        <v>166</v>
      </c>
      <c r="E82" s="24" t="s">
        <v>152</v>
      </c>
    </row>
    <row r="83" spans="1:5" ht="159.9" customHeight="1" x14ac:dyDescent="0.3">
      <c r="A83" s="18" t="s">
        <v>167</v>
      </c>
      <c r="B83" s="19">
        <v>90000</v>
      </c>
      <c r="C83" s="20" t="s">
        <v>168</v>
      </c>
      <c r="D83" s="21" t="s">
        <v>166</v>
      </c>
      <c r="E83" s="24" t="s">
        <v>169</v>
      </c>
    </row>
    <row r="84" spans="1:5" ht="159.9" customHeight="1" x14ac:dyDescent="0.3">
      <c r="A84" s="18" t="s">
        <v>170</v>
      </c>
      <c r="B84" s="23">
        <v>1604200</v>
      </c>
      <c r="C84" s="20" t="s">
        <v>171</v>
      </c>
      <c r="D84" s="21" t="s">
        <v>172</v>
      </c>
      <c r="E84" s="24" t="s">
        <v>173</v>
      </c>
    </row>
    <row r="85" spans="1:5" ht="159.9" customHeight="1" x14ac:dyDescent="0.3">
      <c r="A85" s="10" t="s">
        <v>96</v>
      </c>
      <c r="B85" s="17">
        <v>118000</v>
      </c>
      <c r="C85" s="14" t="s">
        <v>97</v>
      </c>
      <c r="D85" s="21" t="s">
        <v>174</v>
      </c>
      <c r="E85" s="7" t="s">
        <v>18</v>
      </c>
    </row>
    <row r="86" spans="1:5" ht="159.9" customHeight="1" x14ac:dyDescent="0.3">
      <c r="A86" s="18" t="s">
        <v>175</v>
      </c>
      <c r="B86" s="19">
        <v>299000</v>
      </c>
      <c r="C86" s="20" t="s">
        <v>176</v>
      </c>
      <c r="D86" s="21" t="s">
        <v>177</v>
      </c>
      <c r="E86" s="24" t="s">
        <v>104</v>
      </c>
    </row>
    <row r="87" spans="1:5" ht="159.9" customHeight="1" x14ac:dyDescent="0.3">
      <c r="A87" s="18" t="s">
        <v>178</v>
      </c>
      <c r="B87" s="19">
        <v>156000</v>
      </c>
      <c r="C87" s="25" t="s">
        <v>116</v>
      </c>
      <c r="D87" s="21" t="s">
        <v>179</v>
      </c>
      <c r="E87" s="25" t="s">
        <v>118</v>
      </c>
    </row>
    <row r="88" spans="1:5" ht="159.9" customHeight="1" x14ac:dyDescent="0.3">
      <c r="A88" s="18" t="s">
        <v>180</v>
      </c>
      <c r="B88" s="19">
        <v>75000</v>
      </c>
      <c r="C88" s="20" t="s">
        <v>181</v>
      </c>
      <c r="D88" s="21" t="s">
        <v>182</v>
      </c>
      <c r="E88" s="22" t="s">
        <v>183</v>
      </c>
    </row>
    <row r="89" spans="1:5" ht="159.9" customHeight="1" x14ac:dyDescent="0.3">
      <c r="A89" s="18" t="s">
        <v>184</v>
      </c>
      <c r="B89" s="19">
        <v>133000</v>
      </c>
      <c r="C89" s="20" t="s">
        <v>185</v>
      </c>
      <c r="D89" s="21" t="s">
        <v>186</v>
      </c>
      <c r="E89" s="24" t="s">
        <v>187</v>
      </c>
    </row>
    <row r="90" spans="1:5" ht="159.9" customHeight="1" x14ac:dyDescent="0.3">
      <c r="A90" s="18" t="s">
        <v>188</v>
      </c>
      <c r="B90" s="19">
        <v>841000</v>
      </c>
      <c r="C90" s="25" t="s">
        <v>189</v>
      </c>
      <c r="D90" s="21" t="s">
        <v>186</v>
      </c>
      <c r="E90" s="25" t="s">
        <v>190</v>
      </c>
    </row>
    <row r="91" spans="1:5" ht="159.9" customHeight="1" x14ac:dyDescent="0.3">
      <c r="A91" s="18" t="s">
        <v>191</v>
      </c>
      <c r="B91" s="19">
        <v>1950198</v>
      </c>
      <c r="C91" s="25" t="s">
        <v>192</v>
      </c>
      <c r="D91" s="21" t="s">
        <v>193</v>
      </c>
      <c r="E91" s="25" t="s">
        <v>194</v>
      </c>
    </row>
    <row r="92" spans="1:5" ht="159.9" customHeight="1" x14ac:dyDescent="0.3">
      <c r="A92" s="18" t="s">
        <v>195</v>
      </c>
      <c r="B92" s="19">
        <v>108000</v>
      </c>
      <c r="C92" s="25" t="s">
        <v>196</v>
      </c>
      <c r="D92" s="21" t="s">
        <v>197</v>
      </c>
      <c r="E92" s="25" t="s">
        <v>198</v>
      </c>
    </row>
    <row r="93" spans="1:5" ht="159.9" customHeight="1" x14ac:dyDescent="0.3">
      <c r="A93" s="18" t="s">
        <v>199</v>
      </c>
      <c r="B93" s="19">
        <v>4993036</v>
      </c>
      <c r="C93" s="25" t="s">
        <v>200</v>
      </c>
      <c r="D93" s="28" t="s">
        <v>201</v>
      </c>
      <c r="E93" s="25" t="s">
        <v>202</v>
      </c>
    </row>
    <row r="94" spans="1:5" ht="159.9" customHeight="1" x14ac:dyDescent="0.3">
      <c r="A94" s="18" t="s">
        <v>203</v>
      </c>
      <c r="B94" s="19">
        <v>240000</v>
      </c>
      <c r="C94" s="25" t="s">
        <v>204</v>
      </c>
      <c r="D94" s="21" t="s">
        <v>205</v>
      </c>
      <c r="E94" s="25" t="s">
        <v>206</v>
      </c>
    </row>
    <row r="95" spans="1:5" ht="159.9" customHeight="1" x14ac:dyDescent="0.3">
      <c r="A95" s="18" t="s">
        <v>207</v>
      </c>
      <c r="B95" s="19">
        <v>335000</v>
      </c>
      <c r="C95" s="25" t="s">
        <v>208</v>
      </c>
      <c r="D95" s="21" t="s">
        <v>209</v>
      </c>
      <c r="E95" s="25" t="s">
        <v>210</v>
      </c>
    </row>
    <row r="96" spans="1:5" ht="159.9" customHeight="1" x14ac:dyDescent="0.3">
      <c r="A96" s="18" t="s">
        <v>211</v>
      </c>
      <c r="B96" s="19">
        <v>90000</v>
      </c>
      <c r="C96" s="25" t="s">
        <v>212</v>
      </c>
      <c r="D96" s="26" t="s">
        <v>213</v>
      </c>
      <c r="E96" s="25" t="s">
        <v>119</v>
      </c>
    </row>
    <row r="97" spans="1:5" ht="159.9" customHeight="1" x14ac:dyDescent="0.3">
      <c r="A97" s="26" t="s">
        <v>214</v>
      </c>
      <c r="B97" s="19">
        <v>670928</v>
      </c>
      <c r="C97" s="25" t="s">
        <v>215</v>
      </c>
      <c r="D97" s="21" t="s">
        <v>216</v>
      </c>
      <c r="E97" s="19" t="s">
        <v>194</v>
      </c>
    </row>
    <row r="98" spans="1:5" ht="159.9" customHeight="1" x14ac:dyDescent="0.3">
      <c r="A98" s="18" t="s">
        <v>217</v>
      </c>
      <c r="B98" s="19">
        <v>350000</v>
      </c>
      <c r="C98" s="25" t="s">
        <v>218</v>
      </c>
      <c r="D98" s="21" t="s">
        <v>219</v>
      </c>
      <c r="E98" s="25" t="s">
        <v>220</v>
      </c>
    </row>
    <row r="99" spans="1:5" ht="159.9" customHeight="1" x14ac:dyDescent="0.3">
      <c r="A99" s="18" t="s">
        <v>221</v>
      </c>
      <c r="B99" s="19">
        <v>2495000</v>
      </c>
      <c r="C99" s="25" t="s">
        <v>222</v>
      </c>
      <c r="D99" s="21" t="s">
        <v>219</v>
      </c>
      <c r="E99" s="25" t="s">
        <v>223</v>
      </c>
    </row>
    <row r="100" spans="1:5" ht="159.9" customHeight="1" x14ac:dyDescent="0.3">
      <c r="A100" s="18" t="s">
        <v>224</v>
      </c>
      <c r="B100" s="19">
        <v>2034900</v>
      </c>
      <c r="C100" s="25" t="s">
        <v>225</v>
      </c>
      <c r="D100" s="21" t="s">
        <v>226</v>
      </c>
      <c r="E100" s="25" t="s">
        <v>227</v>
      </c>
    </row>
    <row r="101" spans="1:5" ht="159.9" customHeight="1" x14ac:dyDescent="0.3">
      <c r="A101" s="18" t="s">
        <v>229</v>
      </c>
      <c r="B101" s="23">
        <v>265000</v>
      </c>
      <c r="C101" s="20" t="s">
        <v>230</v>
      </c>
      <c r="D101" s="21" t="s">
        <v>231</v>
      </c>
      <c r="E101" s="24" t="s">
        <v>232</v>
      </c>
    </row>
    <row r="102" spans="1:5" ht="159.9" customHeight="1" x14ac:dyDescent="0.3">
      <c r="A102" s="18" t="s">
        <v>233</v>
      </c>
      <c r="B102" s="19">
        <v>352800</v>
      </c>
      <c r="C102" s="20" t="s">
        <v>234</v>
      </c>
      <c r="D102" s="21" t="s">
        <v>235</v>
      </c>
      <c r="E102" s="24" t="s">
        <v>104</v>
      </c>
    </row>
    <row r="103" spans="1:5" ht="159.9" customHeight="1" x14ac:dyDescent="0.3">
      <c r="A103" s="18" t="s">
        <v>236</v>
      </c>
      <c r="B103" s="23">
        <v>3300000</v>
      </c>
      <c r="C103" s="20" t="s">
        <v>237</v>
      </c>
      <c r="D103" s="21" t="s">
        <v>238</v>
      </c>
      <c r="E103" s="24" t="s">
        <v>239</v>
      </c>
    </row>
    <row r="104" spans="1:5" ht="159.9" customHeight="1" x14ac:dyDescent="0.3">
      <c r="A104" s="18" t="s">
        <v>240</v>
      </c>
      <c r="B104" s="23">
        <v>800000</v>
      </c>
      <c r="C104" s="20" t="s">
        <v>241</v>
      </c>
      <c r="D104" s="21" t="s">
        <v>242</v>
      </c>
      <c r="E104" s="24" t="s">
        <v>232</v>
      </c>
    </row>
    <row r="105" spans="1:5" ht="159.9" customHeight="1" x14ac:dyDescent="0.3">
      <c r="A105" s="18" t="s">
        <v>243</v>
      </c>
      <c r="B105" s="23">
        <v>689000</v>
      </c>
      <c r="C105" s="20" t="s">
        <v>244</v>
      </c>
      <c r="D105" s="21" t="s">
        <v>245</v>
      </c>
      <c r="E105" s="24" t="s">
        <v>246</v>
      </c>
    </row>
    <row r="106" spans="1:5" ht="159.9" customHeight="1" x14ac:dyDescent="0.3">
      <c r="A106" s="18" t="s">
        <v>247</v>
      </c>
      <c r="B106" s="23">
        <v>4540000</v>
      </c>
      <c r="C106" s="20" t="s">
        <v>248</v>
      </c>
      <c r="D106" s="21" t="s">
        <v>245</v>
      </c>
      <c r="E106" s="24" t="s">
        <v>246</v>
      </c>
    </row>
    <row r="107" spans="1:5" ht="159.9" customHeight="1" x14ac:dyDescent="0.3">
      <c r="A107" s="18" t="s">
        <v>249</v>
      </c>
      <c r="B107" s="23">
        <v>1617000</v>
      </c>
      <c r="C107" s="20" t="s">
        <v>250</v>
      </c>
      <c r="D107" s="21" t="s">
        <v>251</v>
      </c>
      <c r="E107" s="24" t="s">
        <v>252</v>
      </c>
    </row>
    <row r="108" spans="1:5" ht="159.9" customHeight="1" x14ac:dyDescent="0.3">
      <c r="A108" s="18" t="s">
        <v>253</v>
      </c>
      <c r="B108" s="19">
        <v>132000</v>
      </c>
      <c r="C108" s="20" t="s">
        <v>254</v>
      </c>
      <c r="D108" s="21" t="s">
        <v>255</v>
      </c>
      <c r="E108" s="24" t="s">
        <v>256</v>
      </c>
    </row>
    <row r="109" spans="1:5" ht="159.9" customHeight="1" x14ac:dyDescent="0.3">
      <c r="A109" s="18" t="s">
        <v>257</v>
      </c>
      <c r="B109" s="23">
        <v>545000</v>
      </c>
      <c r="C109" s="20" t="s">
        <v>258</v>
      </c>
      <c r="D109" s="29" t="s">
        <v>255</v>
      </c>
      <c r="E109" s="24" t="s">
        <v>259</v>
      </c>
    </row>
    <row r="110" spans="1:5" ht="159.9" customHeight="1" x14ac:dyDescent="0.3">
      <c r="A110" s="29" t="s">
        <v>260</v>
      </c>
      <c r="B110" s="30">
        <v>865000</v>
      </c>
      <c r="C110" s="31" t="s">
        <v>261</v>
      </c>
      <c r="D110" s="21" t="s">
        <v>262</v>
      </c>
      <c r="E110" s="24" t="s">
        <v>246</v>
      </c>
    </row>
    <row r="111" spans="1:5" ht="159.9" customHeight="1" x14ac:dyDescent="0.3">
      <c r="A111" s="18" t="s">
        <v>263</v>
      </c>
      <c r="B111" s="23">
        <v>111520</v>
      </c>
      <c r="C111" s="20" t="s">
        <v>264</v>
      </c>
      <c r="D111" s="18" t="s">
        <v>265</v>
      </c>
      <c r="E111" s="24" t="s">
        <v>266</v>
      </c>
    </row>
    <row r="112" spans="1:5" ht="159.9" customHeight="1" x14ac:dyDescent="0.3">
      <c r="A112" s="18" t="s">
        <v>267</v>
      </c>
      <c r="B112" s="32">
        <v>299000</v>
      </c>
      <c r="C112" s="20" t="s">
        <v>268</v>
      </c>
      <c r="D112" s="33" t="s">
        <v>269</v>
      </c>
      <c r="E112" s="24" t="s">
        <v>270</v>
      </c>
    </row>
    <row r="113" spans="1:5" ht="159.9" customHeight="1" x14ac:dyDescent="0.3">
      <c r="A113" s="18" t="s">
        <v>271</v>
      </c>
      <c r="B113" s="19">
        <v>118000</v>
      </c>
      <c r="C113" s="20" t="s">
        <v>196</v>
      </c>
      <c r="D113" s="21" t="s">
        <v>272</v>
      </c>
      <c r="E113" s="24" t="s">
        <v>198</v>
      </c>
    </row>
    <row r="114" spans="1:5" ht="159.9" customHeight="1" x14ac:dyDescent="0.3">
      <c r="A114" s="18" t="s">
        <v>273</v>
      </c>
      <c r="B114" s="32">
        <v>4890736</v>
      </c>
      <c r="C114" s="25" t="s">
        <v>274</v>
      </c>
      <c r="D114" s="21" t="s">
        <v>275</v>
      </c>
      <c r="E114" s="25" t="s">
        <v>202</v>
      </c>
    </row>
    <row r="115" spans="1:5" ht="159.9" customHeight="1" x14ac:dyDescent="0.3">
      <c r="A115" s="18" t="s">
        <v>276</v>
      </c>
      <c r="B115" s="32">
        <v>360000</v>
      </c>
      <c r="C115" s="20" t="s">
        <v>277</v>
      </c>
      <c r="D115" s="21" t="s">
        <v>278</v>
      </c>
      <c r="E115" s="24" t="s">
        <v>232</v>
      </c>
    </row>
    <row r="116" spans="1:5" ht="159.9" customHeight="1" x14ac:dyDescent="0.3">
      <c r="A116" s="34" t="s">
        <v>279</v>
      </c>
      <c r="B116" s="35">
        <v>1163750</v>
      </c>
      <c r="C116" s="36" t="s">
        <v>280</v>
      </c>
      <c r="D116" s="21" t="s">
        <v>281</v>
      </c>
      <c r="E116" s="37" t="s">
        <v>282</v>
      </c>
    </row>
    <row r="117" spans="1:5" ht="159.9" customHeight="1" x14ac:dyDescent="0.3">
      <c r="A117" s="18" t="s">
        <v>283</v>
      </c>
      <c r="B117" s="32">
        <v>113000</v>
      </c>
      <c r="C117" s="25" t="s">
        <v>284</v>
      </c>
      <c r="D117" s="21" t="s">
        <v>285</v>
      </c>
      <c r="E117" s="25" t="s">
        <v>198</v>
      </c>
    </row>
    <row r="118" spans="1:5" ht="159.9" customHeight="1" x14ac:dyDescent="0.3">
      <c r="A118" s="18" t="s">
        <v>286</v>
      </c>
      <c r="B118" s="32">
        <v>157500</v>
      </c>
      <c r="C118" s="25" t="s">
        <v>287</v>
      </c>
      <c r="D118" s="21" t="s">
        <v>285</v>
      </c>
      <c r="E118" s="25" t="s">
        <v>118</v>
      </c>
    </row>
    <row r="119" spans="1:5" ht="159.9" customHeight="1" x14ac:dyDescent="0.3">
      <c r="A119" s="18" t="s">
        <v>288</v>
      </c>
      <c r="B119" s="32">
        <v>1700000</v>
      </c>
      <c r="C119" s="20" t="s">
        <v>289</v>
      </c>
      <c r="D119" s="21" t="s">
        <v>290</v>
      </c>
      <c r="E119" s="24" t="s">
        <v>291</v>
      </c>
    </row>
    <row r="120" spans="1:5" ht="159.9" customHeight="1" x14ac:dyDescent="0.3">
      <c r="A120" s="18" t="s">
        <v>292</v>
      </c>
      <c r="B120" s="32">
        <v>1865694</v>
      </c>
      <c r="C120" s="25" t="s">
        <v>293</v>
      </c>
      <c r="D120" s="21" t="s">
        <v>294</v>
      </c>
      <c r="E120" s="25" t="s">
        <v>295</v>
      </c>
    </row>
    <row r="121" spans="1:5" ht="159.9" customHeight="1" x14ac:dyDescent="0.3">
      <c r="A121" s="18" t="s">
        <v>296</v>
      </c>
      <c r="B121" s="32">
        <v>418000</v>
      </c>
      <c r="C121" s="8" t="s">
        <v>297</v>
      </c>
      <c r="D121" s="21" t="s">
        <v>298</v>
      </c>
      <c r="E121" s="8" t="s">
        <v>299</v>
      </c>
    </row>
    <row r="122" spans="1:5" ht="159.9" customHeight="1" x14ac:dyDescent="0.3">
      <c r="A122" s="18" t="s">
        <v>300</v>
      </c>
      <c r="B122" s="32">
        <v>1883168</v>
      </c>
      <c r="C122" s="8" t="s">
        <v>301</v>
      </c>
      <c r="D122" s="21" t="s">
        <v>302</v>
      </c>
      <c r="E122" s="8" t="s">
        <v>303</v>
      </c>
    </row>
    <row r="123" spans="1:5" ht="159.9" customHeight="1" x14ac:dyDescent="0.3">
      <c r="A123" s="18" t="s">
        <v>304</v>
      </c>
      <c r="B123" s="32">
        <v>274100</v>
      </c>
      <c r="C123" s="25" t="s">
        <v>305</v>
      </c>
      <c r="D123" s="26" t="s">
        <v>306</v>
      </c>
      <c r="E123" s="8" t="s">
        <v>307</v>
      </c>
    </row>
    <row r="124" spans="1:5" ht="159.9" customHeight="1" x14ac:dyDescent="0.3">
      <c r="A124" s="18" t="s">
        <v>308</v>
      </c>
      <c r="B124" s="32">
        <v>193000</v>
      </c>
      <c r="C124" s="25" t="s">
        <v>309</v>
      </c>
      <c r="D124" s="21" t="s">
        <v>310</v>
      </c>
      <c r="E124" s="8" t="s">
        <v>311</v>
      </c>
    </row>
    <row r="125" spans="1:5" ht="159.9" customHeight="1" x14ac:dyDescent="0.3">
      <c r="A125" s="18" t="s">
        <v>312</v>
      </c>
      <c r="B125" s="32">
        <v>221000</v>
      </c>
      <c r="C125" s="25" t="s">
        <v>313</v>
      </c>
      <c r="D125" s="21" t="s">
        <v>314</v>
      </c>
      <c r="E125" s="8" t="s">
        <v>315</v>
      </c>
    </row>
    <row r="126" spans="1:5" ht="159.9" customHeight="1" x14ac:dyDescent="0.3">
      <c r="A126" s="18" t="s">
        <v>316</v>
      </c>
      <c r="B126" s="32">
        <v>98000</v>
      </c>
      <c r="C126" s="20" t="s">
        <v>317</v>
      </c>
      <c r="D126" s="21" t="s">
        <v>318</v>
      </c>
      <c r="E126" s="24" t="s">
        <v>239</v>
      </c>
    </row>
    <row r="127" spans="1:5" ht="159.9" customHeight="1" x14ac:dyDescent="0.3">
      <c r="A127" s="18" t="s">
        <v>319</v>
      </c>
      <c r="B127" s="32">
        <v>1950000</v>
      </c>
      <c r="C127" s="25" t="s">
        <v>320</v>
      </c>
      <c r="D127" s="21" t="s">
        <v>321</v>
      </c>
      <c r="E127" s="25" t="s">
        <v>322</v>
      </c>
    </row>
    <row r="128" spans="1:5" ht="159.9" customHeight="1" x14ac:dyDescent="0.3">
      <c r="A128" s="18" t="s">
        <v>323</v>
      </c>
      <c r="B128" s="38">
        <v>273000</v>
      </c>
      <c r="C128" s="25" t="s">
        <v>324</v>
      </c>
      <c r="D128" s="21" t="s">
        <v>325</v>
      </c>
      <c r="E128" s="24" t="s">
        <v>232</v>
      </c>
    </row>
    <row r="129" spans="1:5" ht="159.9" customHeight="1" x14ac:dyDescent="0.3">
      <c r="A129" s="18" t="s">
        <v>326</v>
      </c>
      <c r="B129" s="32">
        <v>1995000</v>
      </c>
      <c r="C129" s="25" t="s">
        <v>327</v>
      </c>
      <c r="D129" s="21" t="s">
        <v>328</v>
      </c>
      <c r="E129" s="25" t="s">
        <v>227</v>
      </c>
    </row>
    <row r="130" spans="1:5" ht="159.9" customHeight="1" x14ac:dyDescent="0.3">
      <c r="A130" s="18" t="s">
        <v>329</v>
      </c>
      <c r="B130" s="38">
        <v>3430000</v>
      </c>
      <c r="C130" s="20" t="s">
        <v>330</v>
      </c>
      <c r="D130" s="21" t="s">
        <v>331</v>
      </c>
      <c r="E130" s="24" t="s">
        <v>239</v>
      </c>
    </row>
    <row r="131" spans="1:5" ht="159.9" customHeight="1" x14ac:dyDescent="0.3">
      <c r="A131" s="18" t="s">
        <v>332</v>
      </c>
      <c r="B131" s="38">
        <v>2295000</v>
      </c>
      <c r="C131" s="20" t="s">
        <v>333</v>
      </c>
      <c r="D131" s="21" t="s">
        <v>334</v>
      </c>
      <c r="E131" s="7" t="s">
        <v>335</v>
      </c>
    </row>
    <row r="132" spans="1:5" ht="159.9" customHeight="1" x14ac:dyDescent="0.3">
      <c r="A132" s="18" t="s">
        <v>336</v>
      </c>
      <c r="B132" s="38">
        <v>920000</v>
      </c>
      <c r="C132" s="20" t="s">
        <v>337</v>
      </c>
      <c r="D132" s="21" t="s">
        <v>338</v>
      </c>
      <c r="E132" s="25" t="s">
        <v>339</v>
      </c>
    </row>
    <row r="133" spans="1:5" ht="159.9" customHeight="1" x14ac:dyDescent="0.3">
      <c r="A133" s="18" t="s">
        <v>340</v>
      </c>
      <c r="B133" s="38">
        <v>500000</v>
      </c>
      <c r="C133" s="20" t="s">
        <v>341</v>
      </c>
      <c r="D133" s="21" t="s">
        <v>342</v>
      </c>
      <c r="E133" s="25" t="s">
        <v>270</v>
      </c>
    </row>
    <row r="134" spans="1:5" ht="159.9" customHeight="1" x14ac:dyDescent="0.3">
      <c r="A134" s="18" t="s">
        <v>343</v>
      </c>
      <c r="B134" s="38">
        <v>875000</v>
      </c>
      <c r="C134" s="20" t="s">
        <v>344</v>
      </c>
      <c r="D134" s="21" t="s">
        <v>345</v>
      </c>
      <c r="E134" s="24" t="s">
        <v>232</v>
      </c>
    </row>
    <row r="135" spans="1:5" ht="159.9" customHeight="1" x14ac:dyDescent="0.3">
      <c r="A135" s="18" t="s">
        <v>346</v>
      </c>
      <c r="B135" s="38">
        <v>4803000</v>
      </c>
      <c r="C135" s="20" t="s">
        <v>347</v>
      </c>
      <c r="D135" s="21" t="s">
        <v>348</v>
      </c>
      <c r="E135" s="25" t="s">
        <v>246</v>
      </c>
    </row>
    <row r="136" spans="1:5" ht="159.9" customHeight="1" x14ac:dyDescent="0.3">
      <c r="A136" s="18" t="s">
        <v>349</v>
      </c>
      <c r="B136" s="38">
        <v>1600000</v>
      </c>
      <c r="C136" s="20" t="s">
        <v>350</v>
      </c>
      <c r="D136" s="21" t="s">
        <v>351</v>
      </c>
      <c r="E136" s="24" t="s">
        <v>252</v>
      </c>
    </row>
    <row r="137" spans="1:5" ht="159.9" customHeight="1" x14ac:dyDescent="0.3">
      <c r="A137" s="18" t="s">
        <v>352</v>
      </c>
      <c r="B137" s="38">
        <v>931000</v>
      </c>
      <c r="C137" s="20" t="s">
        <v>353</v>
      </c>
      <c r="D137" s="21" t="s">
        <v>354</v>
      </c>
      <c r="E137" s="25" t="s">
        <v>246</v>
      </c>
    </row>
    <row r="138" spans="1:5" ht="159.9" customHeight="1" x14ac:dyDescent="0.3">
      <c r="A138" s="18" t="s">
        <v>355</v>
      </c>
      <c r="B138" s="38">
        <v>515500</v>
      </c>
      <c r="C138" s="20" t="s">
        <v>356</v>
      </c>
      <c r="D138" s="21" t="s">
        <v>354</v>
      </c>
      <c r="E138" s="25" t="s">
        <v>357</v>
      </c>
    </row>
    <row r="139" spans="1:5" ht="159.9" customHeight="1" x14ac:dyDescent="0.3">
      <c r="A139" s="18" t="s">
        <v>358</v>
      </c>
      <c r="B139" s="38">
        <v>295000</v>
      </c>
      <c r="C139" s="20" t="s">
        <v>359</v>
      </c>
      <c r="D139" s="21" t="s">
        <v>360</v>
      </c>
      <c r="E139" s="24" t="s">
        <v>270</v>
      </c>
    </row>
    <row r="140" spans="1:5" ht="159.9" customHeight="1" x14ac:dyDescent="0.3">
      <c r="A140" s="18" t="s">
        <v>361</v>
      </c>
      <c r="B140" s="38">
        <v>770000</v>
      </c>
      <c r="C140" s="20" t="s">
        <v>362</v>
      </c>
      <c r="D140" s="21" t="s">
        <v>363</v>
      </c>
      <c r="E140" s="24" t="s">
        <v>270</v>
      </c>
    </row>
    <row r="141" spans="1:5" ht="159.9" customHeight="1" x14ac:dyDescent="0.3">
      <c r="A141" s="18" t="s">
        <v>364</v>
      </c>
      <c r="B141" s="23">
        <v>790000</v>
      </c>
      <c r="C141" s="20" t="s">
        <v>106</v>
      </c>
      <c r="D141" s="21" t="s">
        <v>365</v>
      </c>
      <c r="E141" s="24" t="s">
        <v>104</v>
      </c>
    </row>
    <row r="142" spans="1:5" ht="159.9" customHeight="1" x14ac:dyDescent="0.3">
      <c r="A142" s="18" t="s">
        <v>366</v>
      </c>
      <c r="B142" s="38">
        <v>1720000</v>
      </c>
      <c r="C142" s="25" t="s">
        <v>367</v>
      </c>
      <c r="D142" s="21" t="s">
        <v>368</v>
      </c>
      <c r="E142" s="24" t="s">
        <v>173</v>
      </c>
    </row>
    <row r="143" spans="1:5" ht="159.9" customHeight="1" x14ac:dyDescent="0.3">
      <c r="A143" s="18" t="s">
        <v>369</v>
      </c>
      <c r="B143" s="38">
        <v>1190000</v>
      </c>
      <c r="C143" s="25" t="s">
        <v>370</v>
      </c>
      <c r="D143" s="21" t="s">
        <v>368</v>
      </c>
      <c r="E143" s="24" t="s">
        <v>371</v>
      </c>
    </row>
    <row r="144" spans="1:5" ht="159.9" customHeight="1" x14ac:dyDescent="0.3">
      <c r="A144" s="18" t="s">
        <v>372</v>
      </c>
      <c r="B144" s="38">
        <v>120000</v>
      </c>
      <c r="C144" s="20" t="s">
        <v>196</v>
      </c>
      <c r="D144" s="21" t="s">
        <v>368</v>
      </c>
      <c r="E144" s="24" t="s">
        <v>198</v>
      </c>
    </row>
    <row r="145" spans="1:5" ht="159.9" customHeight="1" x14ac:dyDescent="0.3">
      <c r="A145" s="18" t="s">
        <v>373</v>
      </c>
      <c r="B145" s="38">
        <v>163000</v>
      </c>
      <c r="C145" s="25" t="s">
        <v>374</v>
      </c>
      <c r="D145" s="21" t="s">
        <v>375</v>
      </c>
      <c r="E145" s="24" t="s">
        <v>376</v>
      </c>
    </row>
    <row r="146" spans="1:5" ht="159.9" customHeight="1" x14ac:dyDescent="0.3">
      <c r="A146" s="18" t="s">
        <v>377</v>
      </c>
      <c r="B146" s="38">
        <v>1438223</v>
      </c>
      <c r="C146" s="39" t="s">
        <v>378</v>
      </c>
      <c r="D146" s="21" t="s">
        <v>379</v>
      </c>
      <c r="E146" s="40" t="s">
        <v>380</v>
      </c>
    </row>
    <row r="147" spans="1:5" ht="159.9" customHeight="1" x14ac:dyDescent="0.3">
      <c r="A147" s="18" t="s">
        <v>381</v>
      </c>
      <c r="B147" s="38">
        <v>162000</v>
      </c>
      <c r="C147" s="25" t="s">
        <v>382</v>
      </c>
      <c r="D147" s="41" t="s">
        <v>383</v>
      </c>
      <c r="E147" s="24" t="s">
        <v>118</v>
      </c>
    </row>
    <row r="148" spans="1:5" ht="159.9" customHeight="1" x14ac:dyDescent="0.3">
      <c r="A148" s="18" t="s">
        <v>384</v>
      </c>
      <c r="B148" s="38">
        <v>82560</v>
      </c>
      <c r="C148" s="25" t="s">
        <v>385</v>
      </c>
      <c r="D148" s="21" t="s">
        <v>386</v>
      </c>
      <c r="E148" s="42" t="s">
        <v>387</v>
      </c>
    </row>
    <row r="149" spans="1:5" ht="159.9" customHeight="1" x14ac:dyDescent="0.3">
      <c r="A149" s="18" t="s">
        <v>388</v>
      </c>
      <c r="B149" s="38">
        <v>4836964</v>
      </c>
      <c r="C149" s="25" t="s">
        <v>389</v>
      </c>
      <c r="D149" s="21" t="s">
        <v>390</v>
      </c>
      <c r="E149" s="42" t="s">
        <v>391</v>
      </c>
    </row>
    <row r="150" spans="1:5" ht="159.9" customHeight="1" x14ac:dyDescent="0.3">
      <c r="A150" s="18" t="s">
        <v>392</v>
      </c>
      <c r="B150" s="38">
        <v>153600</v>
      </c>
      <c r="C150" s="39" t="s">
        <v>393</v>
      </c>
      <c r="D150" s="21" t="s">
        <v>394</v>
      </c>
      <c r="E150" s="24" t="s">
        <v>266</v>
      </c>
    </row>
    <row r="151" spans="1:5" ht="159.9" customHeight="1" x14ac:dyDescent="0.3">
      <c r="A151" s="18" t="s">
        <v>395</v>
      </c>
      <c r="B151" s="43">
        <v>200000</v>
      </c>
      <c r="C151" s="27" t="s">
        <v>396</v>
      </c>
      <c r="D151" s="21" t="s">
        <v>397</v>
      </c>
      <c r="E151" s="24" t="s">
        <v>270</v>
      </c>
    </row>
    <row r="152" spans="1:5" ht="159.9" customHeight="1" x14ac:dyDescent="0.3">
      <c r="A152" s="18" t="s">
        <v>398</v>
      </c>
      <c r="B152" s="38">
        <v>358000</v>
      </c>
      <c r="C152" s="25" t="s">
        <v>399</v>
      </c>
      <c r="D152" s="21" t="s">
        <v>400</v>
      </c>
      <c r="E152" s="25" t="s">
        <v>232</v>
      </c>
    </row>
    <row r="153" spans="1:5" ht="159.9" customHeight="1" x14ac:dyDescent="0.3">
      <c r="A153" s="18" t="s">
        <v>401</v>
      </c>
      <c r="B153" s="38">
        <v>720000</v>
      </c>
      <c r="C153" s="25" t="s">
        <v>402</v>
      </c>
      <c r="D153" s="21" t="s">
        <v>403</v>
      </c>
      <c r="E153" s="25" t="s">
        <v>232</v>
      </c>
    </row>
    <row r="154" spans="1:5" ht="159.9" customHeight="1" x14ac:dyDescent="0.3">
      <c r="A154" s="18" t="s">
        <v>404</v>
      </c>
      <c r="B154" s="38">
        <v>504500</v>
      </c>
      <c r="C154" s="39" t="s">
        <v>405</v>
      </c>
      <c r="D154" s="21" t="s">
        <v>406</v>
      </c>
      <c r="E154" s="25" t="s">
        <v>256</v>
      </c>
    </row>
    <row r="155" spans="1:5" ht="159.9" customHeight="1" x14ac:dyDescent="0.3">
      <c r="A155" s="18" t="s">
        <v>407</v>
      </c>
      <c r="B155" s="38">
        <v>340000</v>
      </c>
      <c r="C155" s="25" t="s">
        <v>408</v>
      </c>
      <c r="D155" s="21" t="s">
        <v>409</v>
      </c>
      <c r="E155" s="25" t="s">
        <v>232</v>
      </c>
    </row>
    <row r="156" spans="1:5" ht="159.9" customHeight="1" x14ac:dyDescent="0.3">
      <c r="A156" s="18" t="s">
        <v>410</v>
      </c>
      <c r="B156" s="38">
        <v>164160</v>
      </c>
      <c r="C156" s="25" t="s">
        <v>411</v>
      </c>
      <c r="D156" s="21" t="s">
        <v>412</v>
      </c>
      <c r="E156" s="25" t="s">
        <v>413</v>
      </c>
    </row>
    <row r="157" spans="1:5" ht="159.9" customHeight="1" x14ac:dyDescent="0.3">
      <c r="A157" s="18" t="s">
        <v>414</v>
      </c>
      <c r="B157" s="38">
        <v>352800</v>
      </c>
      <c r="C157" s="25" t="s">
        <v>415</v>
      </c>
      <c r="D157" s="21" t="s">
        <v>416</v>
      </c>
      <c r="E157" s="25" t="s">
        <v>417</v>
      </c>
    </row>
    <row r="158" spans="1:5" ht="159.9" customHeight="1" x14ac:dyDescent="0.3">
      <c r="A158" s="18" t="s">
        <v>418</v>
      </c>
      <c r="B158" s="38">
        <v>168000</v>
      </c>
      <c r="C158" s="25" t="s">
        <v>419</v>
      </c>
      <c r="D158" s="21" t="s">
        <v>420</v>
      </c>
      <c r="E158" s="25" t="s">
        <v>421</v>
      </c>
    </row>
    <row r="159" spans="1:5" ht="159.9" customHeight="1" x14ac:dyDescent="0.3">
      <c r="A159" s="18" t="s">
        <v>422</v>
      </c>
      <c r="B159" s="38">
        <v>241920</v>
      </c>
      <c r="C159" s="25" t="s">
        <v>423</v>
      </c>
      <c r="D159" s="21" t="s">
        <v>424</v>
      </c>
      <c r="E159" s="25" t="s">
        <v>425</v>
      </c>
    </row>
    <row r="160" spans="1:5" ht="159.9" customHeight="1" x14ac:dyDescent="0.3">
      <c r="A160" s="18" t="s">
        <v>426</v>
      </c>
      <c r="B160" s="38">
        <v>738800</v>
      </c>
      <c r="C160" s="25" t="s">
        <v>427</v>
      </c>
      <c r="D160" s="21" t="s">
        <v>428</v>
      </c>
      <c r="E160" s="25" t="s">
        <v>429</v>
      </c>
    </row>
    <row r="161" spans="1:5" ht="159.9" customHeight="1" x14ac:dyDescent="0.3">
      <c r="A161" s="18" t="s">
        <v>430</v>
      </c>
      <c r="B161" s="38">
        <v>1680000</v>
      </c>
      <c r="C161" s="25" t="s">
        <v>431</v>
      </c>
      <c r="D161" s="21" t="s">
        <v>428</v>
      </c>
      <c r="E161" s="25" t="s">
        <v>432</v>
      </c>
    </row>
    <row r="162" spans="1:5" ht="159.9" customHeight="1" x14ac:dyDescent="0.3">
      <c r="A162" s="18" t="s">
        <v>433</v>
      </c>
      <c r="B162" s="38">
        <v>2145000</v>
      </c>
      <c r="C162" s="25" t="s">
        <v>434</v>
      </c>
      <c r="D162" s="21" t="s">
        <v>435</v>
      </c>
      <c r="E162" s="25" t="s">
        <v>436</v>
      </c>
    </row>
    <row r="163" spans="1:5" ht="159.9" customHeight="1" x14ac:dyDescent="0.3">
      <c r="A163" s="18" t="s">
        <v>437</v>
      </c>
      <c r="B163" s="38">
        <v>926000</v>
      </c>
      <c r="C163" s="25" t="s">
        <v>438</v>
      </c>
      <c r="D163" s="21" t="s">
        <v>439</v>
      </c>
      <c r="E163" s="24" t="s">
        <v>339</v>
      </c>
    </row>
    <row r="164" spans="1:5" ht="159.9" customHeight="1" x14ac:dyDescent="0.3">
      <c r="A164" s="18" t="s">
        <v>440</v>
      </c>
      <c r="B164" s="38">
        <v>3300000</v>
      </c>
      <c r="C164" s="25" t="s">
        <v>441</v>
      </c>
      <c r="D164" s="21" t="s">
        <v>442</v>
      </c>
      <c r="E164" s="25" t="s">
        <v>443</v>
      </c>
    </row>
    <row r="165" spans="1:5" ht="159.9" customHeight="1" x14ac:dyDescent="0.3">
      <c r="A165" s="18" t="s">
        <v>444</v>
      </c>
      <c r="B165" s="38">
        <v>420000</v>
      </c>
      <c r="C165" s="39" t="s">
        <v>106</v>
      </c>
      <c r="D165" s="21" t="s">
        <v>445</v>
      </c>
      <c r="E165" s="25" t="s">
        <v>270</v>
      </c>
    </row>
    <row r="166" spans="1:5" ht="159.9" customHeight="1" x14ac:dyDescent="0.3">
      <c r="A166" s="18" t="s">
        <v>446</v>
      </c>
      <c r="B166" s="38">
        <v>212480</v>
      </c>
      <c r="C166" s="20" t="s">
        <v>309</v>
      </c>
      <c r="D166" s="21" t="s">
        <v>447</v>
      </c>
      <c r="E166" s="25" t="s">
        <v>448</v>
      </c>
    </row>
    <row r="167" spans="1:5" ht="159.9" customHeight="1" x14ac:dyDescent="0.3">
      <c r="A167" s="18" t="s">
        <v>449</v>
      </c>
      <c r="B167" s="38">
        <v>685000</v>
      </c>
      <c r="C167" s="39" t="s">
        <v>450</v>
      </c>
      <c r="D167" s="21" t="s">
        <v>451</v>
      </c>
      <c r="E167" s="24" t="s">
        <v>246</v>
      </c>
    </row>
    <row r="168" spans="1:5" ht="159.9" customHeight="1" x14ac:dyDescent="0.3">
      <c r="A168" s="18" t="s">
        <v>452</v>
      </c>
      <c r="B168" s="38">
        <v>1675000</v>
      </c>
      <c r="C168" s="25" t="s">
        <v>453</v>
      </c>
      <c r="D168" s="21" t="s">
        <v>451</v>
      </c>
      <c r="E168" s="25" t="s">
        <v>252</v>
      </c>
    </row>
    <row r="169" spans="1:5" ht="159.9" customHeight="1" x14ac:dyDescent="0.3">
      <c r="A169" s="18" t="s">
        <v>454</v>
      </c>
      <c r="B169" s="38">
        <v>720000</v>
      </c>
      <c r="C169" s="25" t="s">
        <v>455</v>
      </c>
      <c r="D169" s="21" t="s">
        <v>456</v>
      </c>
      <c r="E169" s="24" t="s">
        <v>246</v>
      </c>
    </row>
    <row r="170" spans="1:5" ht="159.9" customHeight="1" x14ac:dyDescent="0.3">
      <c r="A170" s="18" t="s">
        <v>457</v>
      </c>
      <c r="B170" s="38">
        <v>650000</v>
      </c>
      <c r="C170" s="25" t="s">
        <v>458</v>
      </c>
      <c r="D170" s="26" t="s">
        <v>456</v>
      </c>
      <c r="E170" s="25" t="s">
        <v>459</v>
      </c>
    </row>
    <row r="171" spans="1:5" ht="159.9" customHeight="1" x14ac:dyDescent="0.3">
      <c r="A171" s="18" t="s">
        <v>460</v>
      </c>
      <c r="B171" s="38">
        <v>4970000</v>
      </c>
      <c r="C171" s="25" t="s">
        <v>461</v>
      </c>
      <c r="D171" s="26" t="s">
        <v>462</v>
      </c>
      <c r="E171" s="25" t="s">
        <v>246</v>
      </c>
    </row>
    <row r="172" spans="1:5" ht="159.9" customHeight="1" x14ac:dyDescent="0.3">
      <c r="A172" s="18" t="s">
        <v>463</v>
      </c>
      <c r="B172" s="38">
        <v>185000</v>
      </c>
      <c r="C172" s="44" t="s">
        <v>464</v>
      </c>
      <c r="D172" s="21" t="s">
        <v>465</v>
      </c>
      <c r="E172" s="25" t="s">
        <v>270</v>
      </c>
    </row>
    <row r="173" spans="1:5" ht="159.9" customHeight="1" x14ac:dyDescent="0.3">
      <c r="A173" s="18" t="s">
        <v>466</v>
      </c>
      <c r="B173" s="38">
        <v>900000</v>
      </c>
      <c r="C173" s="25" t="s">
        <v>467</v>
      </c>
      <c r="D173" s="21" t="s">
        <v>468</v>
      </c>
      <c r="E173" s="25" t="s">
        <v>282</v>
      </c>
    </row>
    <row r="174" spans="1:5" ht="159.9" customHeight="1" x14ac:dyDescent="0.3">
      <c r="A174" s="18" t="s">
        <v>469</v>
      </c>
      <c r="B174" s="38">
        <v>119900</v>
      </c>
      <c r="C174" s="39" t="s">
        <v>196</v>
      </c>
      <c r="D174" s="21" t="s">
        <v>470</v>
      </c>
      <c r="E174" s="24" t="s">
        <v>198</v>
      </c>
    </row>
    <row r="175" spans="1:5" ht="159.9" customHeight="1" x14ac:dyDescent="0.3">
      <c r="A175" s="18" t="s">
        <v>471</v>
      </c>
      <c r="B175" s="38">
        <v>248971</v>
      </c>
      <c r="C175" s="39" t="s">
        <v>472</v>
      </c>
      <c r="D175" s="21" t="s">
        <v>473</v>
      </c>
      <c r="E175" s="25" t="s">
        <v>474</v>
      </c>
    </row>
    <row r="176" spans="1:5" ht="159.9" customHeight="1" x14ac:dyDescent="0.3">
      <c r="A176" s="18" t="s">
        <v>475</v>
      </c>
      <c r="B176" s="38">
        <v>164000</v>
      </c>
      <c r="C176" s="20" t="s">
        <v>382</v>
      </c>
      <c r="D176" s="21" t="s">
        <v>476</v>
      </c>
      <c r="E176" s="24" t="s">
        <v>118</v>
      </c>
    </row>
    <row r="177" spans="1:5" ht="159.9" customHeight="1" x14ac:dyDescent="0.3">
      <c r="A177" s="10" t="s">
        <v>477</v>
      </c>
      <c r="B177" s="32">
        <v>790000</v>
      </c>
      <c r="C177" s="14" t="s">
        <v>478</v>
      </c>
      <c r="D177" s="21" t="s">
        <v>479</v>
      </c>
      <c r="E177" s="7" t="s">
        <v>480</v>
      </c>
    </row>
    <row r="178" spans="1:5" ht="159.9" customHeight="1" x14ac:dyDescent="0.3">
      <c r="A178" s="18" t="s">
        <v>481</v>
      </c>
      <c r="B178" s="38">
        <v>1290000</v>
      </c>
      <c r="C178" s="25" t="s">
        <v>482</v>
      </c>
      <c r="D178" s="21" t="s">
        <v>483</v>
      </c>
      <c r="E178" s="24" t="s">
        <v>173</v>
      </c>
    </row>
    <row r="179" spans="1:5" ht="159.9" customHeight="1" x14ac:dyDescent="0.3">
      <c r="A179" s="18" t="s">
        <v>484</v>
      </c>
      <c r="B179" s="38">
        <v>153600</v>
      </c>
      <c r="C179" s="20" t="s">
        <v>485</v>
      </c>
      <c r="D179" s="21" t="s">
        <v>486</v>
      </c>
      <c r="E179" s="24" t="s">
        <v>266</v>
      </c>
    </row>
    <row r="180" spans="1:5" ht="159.9" customHeight="1" x14ac:dyDescent="0.3">
      <c r="A180" s="18" t="s">
        <v>487</v>
      </c>
      <c r="B180" s="38">
        <v>4727889</v>
      </c>
      <c r="C180" s="20" t="s">
        <v>488</v>
      </c>
      <c r="D180" s="21" t="s">
        <v>489</v>
      </c>
      <c r="E180" s="24" t="s">
        <v>391</v>
      </c>
    </row>
    <row r="181" spans="1:5" ht="159.9" customHeight="1" x14ac:dyDescent="0.3">
      <c r="A181" s="18" t="s">
        <v>490</v>
      </c>
      <c r="B181" s="38">
        <v>1402464</v>
      </c>
      <c r="C181" s="20" t="s">
        <v>491</v>
      </c>
      <c r="D181" s="26" t="s">
        <v>492</v>
      </c>
      <c r="E181" s="24" t="s">
        <v>380</v>
      </c>
    </row>
    <row r="182" spans="1:5" ht="159.9" customHeight="1" x14ac:dyDescent="0.3">
      <c r="A182" s="18" t="s">
        <v>493</v>
      </c>
      <c r="B182" s="38">
        <v>930000</v>
      </c>
      <c r="C182" s="25" t="s">
        <v>494</v>
      </c>
      <c r="D182" s="21" t="s">
        <v>495</v>
      </c>
      <c r="E182" s="24" t="s">
        <v>496</v>
      </c>
    </row>
    <row r="183" spans="1:5" ht="159.9" customHeight="1" x14ac:dyDescent="0.3">
      <c r="A183" s="18" t="s">
        <v>497</v>
      </c>
      <c r="B183" s="38">
        <v>625000</v>
      </c>
      <c r="C183" s="20" t="s">
        <v>498</v>
      </c>
      <c r="D183" s="21" t="s">
        <v>499</v>
      </c>
      <c r="E183" s="24" t="s">
        <v>220</v>
      </c>
    </row>
    <row r="184" spans="1:5" ht="159.9" customHeight="1" x14ac:dyDescent="0.3">
      <c r="A184" s="18" t="s">
        <v>500</v>
      </c>
      <c r="B184" s="38">
        <v>255000</v>
      </c>
      <c r="C184" s="20" t="s">
        <v>501</v>
      </c>
      <c r="D184" s="21" t="s">
        <v>502</v>
      </c>
      <c r="E184" s="24" t="s">
        <v>232</v>
      </c>
    </row>
    <row r="185" spans="1:5" ht="159.9" customHeight="1" x14ac:dyDescent="0.3">
      <c r="A185" s="18" t="s">
        <v>503</v>
      </c>
      <c r="B185" s="38">
        <v>545000</v>
      </c>
      <c r="C185" s="20" t="s">
        <v>501</v>
      </c>
      <c r="D185" s="21" t="s">
        <v>504</v>
      </c>
      <c r="E185" s="24" t="s">
        <v>232</v>
      </c>
    </row>
    <row r="186" spans="1:5" ht="159.9" customHeight="1" x14ac:dyDescent="0.3">
      <c r="A186" s="18" t="s">
        <v>505</v>
      </c>
      <c r="B186" s="38">
        <v>410000</v>
      </c>
      <c r="C186" s="20" t="s">
        <v>506</v>
      </c>
      <c r="D186" s="21" t="s">
        <v>507</v>
      </c>
      <c r="E186" s="24" t="s">
        <v>232</v>
      </c>
    </row>
    <row r="187" spans="1:5" ht="159.9" customHeight="1" x14ac:dyDescent="0.3">
      <c r="A187" s="18" t="s">
        <v>508</v>
      </c>
      <c r="B187" s="38">
        <v>359000</v>
      </c>
      <c r="C187" s="20" t="s">
        <v>509</v>
      </c>
      <c r="D187" s="21" t="s">
        <v>507</v>
      </c>
      <c r="E187" s="24" t="s">
        <v>232</v>
      </c>
    </row>
    <row r="188" spans="1:5" ht="159.9" customHeight="1" x14ac:dyDescent="0.3">
      <c r="A188" s="18" t="s">
        <v>510</v>
      </c>
      <c r="B188" s="38">
        <v>1490000</v>
      </c>
      <c r="C188" s="20" t="s">
        <v>511</v>
      </c>
      <c r="D188" s="21" t="s">
        <v>512</v>
      </c>
      <c r="E188" s="24" t="s">
        <v>246</v>
      </c>
    </row>
    <row r="189" spans="1:5" ht="159.9" customHeight="1" x14ac:dyDescent="0.3">
      <c r="A189" s="18" t="s">
        <v>513</v>
      </c>
      <c r="B189" s="38">
        <v>300000</v>
      </c>
      <c r="C189" s="20" t="s">
        <v>514</v>
      </c>
      <c r="D189" s="21" t="s">
        <v>515</v>
      </c>
      <c r="E189" s="24" t="s">
        <v>119</v>
      </c>
    </row>
    <row r="190" spans="1:5" ht="159.9" customHeight="1" x14ac:dyDescent="0.3">
      <c r="A190" s="18" t="s">
        <v>516</v>
      </c>
      <c r="B190" s="38">
        <v>370000</v>
      </c>
      <c r="C190" s="20" t="s">
        <v>517</v>
      </c>
      <c r="D190" s="21" t="s">
        <v>518</v>
      </c>
      <c r="E190" s="24" t="s">
        <v>519</v>
      </c>
    </row>
    <row r="191" spans="1:5" ht="159.9" customHeight="1" x14ac:dyDescent="0.3">
      <c r="A191" s="18" t="s">
        <v>520</v>
      </c>
      <c r="B191" s="38">
        <v>147000</v>
      </c>
      <c r="C191" s="20" t="s">
        <v>521</v>
      </c>
      <c r="D191" s="21" t="s">
        <v>522</v>
      </c>
      <c r="E191" s="24" t="s">
        <v>523</v>
      </c>
    </row>
    <row r="192" spans="1:5" ht="159.9" customHeight="1" x14ac:dyDescent="0.3">
      <c r="A192" s="18" t="s">
        <v>524</v>
      </c>
      <c r="B192" s="38">
        <v>185000</v>
      </c>
      <c r="C192" s="14" t="s">
        <v>525</v>
      </c>
      <c r="D192" s="21" t="s">
        <v>526</v>
      </c>
      <c r="E192" s="24" t="s">
        <v>119</v>
      </c>
    </row>
    <row r="193" spans="1:5" ht="159.9" customHeight="1" x14ac:dyDescent="0.3">
      <c r="A193" s="18" t="s">
        <v>527</v>
      </c>
      <c r="B193" s="38">
        <v>710000</v>
      </c>
      <c r="C193" s="20" t="s">
        <v>106</v>
      </c>
      <c r="D193" s="21" t="s">
        <v>528</v>
      </c>
      <c r="E193" s="24" t="s">
        <v>270</v>
      </c>
    </row>
    <row r="194" spans="1:5" ht="159.9" customHeight="1" x14ac:dyDescent="0.3">
      <c r="A194" s="18" t="s">
        <v>529</v>
      </c>
      <c r="B194" s="38">
        <v>120000</v>
      </c>
      <c r="C194" s="20" t="s">
        <v>530</v>
      </c>
      <c r="D194" s="21" t="s">
        <v>531</v>
      </c>
      <c r="E194" s="24" t="s">
        <v>532</v>
      </c>
    </row>
    <row r="195" spans="1:5" ht="159.9" customHeight="1" x14ac:dyDescent="0.3">
      <c r="A195" s="18" t="s">
        <v>533</v>
      </c>
      <c r="B195" s="38">
        <v>2820000</v>
      </c>
      <c r="C195" s="20" t="s">
        <v>534</v>
      </c>
      <c r="D195" s="21" t="s">
        <v>535</v>
      </c>
      <c r="E195" s="24" t="s">
        <v>443</v>
      </c>
    </row>
    <row r="196" spans="1:5" ht="159.9" customHeight="1" x14ac:dyDescent="0.3">
      <c r="A196" s="18" t="s">
        <v>536</v>
      </c>
      <c r="B196" s="38">
        <v>180000</v>
      </c>
      <c r="C196" s="20" t="s">
        <v>537</v>
      </c>
      <c r="D196" s="21" t="s">
        <v>535</v>
      </c>
      <c r="E196" s="24" t="s">
        <v>538</v>
      </c>
    </row>
    <row r="197" spans="1:5" ht="159.9" customHeight="1" x14ac:dyDescent="0.3">
      <c r="A197" s="18" t="s">
        <v>539</v>
      </c>
      <c r="B197" s="38">
        <v>530000</v>
      </c>
      <c r="C197" s="20" t="s">
        <v>540</v>
      </c>
      <c r="D197" s="21" t="s">
        <v>541</v>
      </c>
      <c r="E197" s="24" t="s">
        <v>542</v>
      </c>
    </row>
    <row r="198" spans="1:5" ht="159.9" customHeight="1" x14ac:dyDescent="0.3">
      <c r="A198" s="18" t="s">
        <v>543</v>
      </c>
      <c r="B198" s="38">
        <v>5250000</v>
      </c>
      <c r="C198" s="20" t="s">
        <v>544</v>
      </c>
      <c r="D198" s="21" t="s">
        <v>545</v>
      </c>
      <c r="E198" s="24" t="s">
        <v>246</v>
      </c>
    </row>
    <row r="199" spans="1:5" ht="159.9" customHeight="1" x14ac:dyDescent="0.3">
      <c r="A199" s="18" t="s">
        <v>546</v>
      </c>
      <c r="B199" s="38">
        <v>184000</v>
      </c>
      <c r="C199" s="25" t="s">
        <v>547</v>
      </c>
      <c r="D199" s="21" t="s">
        <v>545</v>
      </c>
      <c r="E199" s="45" t="s">
        <v>548</v>
      </c>
    </row>
    <row r="200" spans="1:5" ht="159.9" customHeight="1" x14ac:dyDescent="0.3">
      <c r="A200" s="18" t="s">
        <v>549</v>
      </c>
      <c r="B200" s="38">
        <v>1710000</v>
      </c>
      <c r="C200" s="20" t="s">
        <v>550</v>
      </c>
      <c r="D200" s="21" t="s">
        <v>551</v>
      </c>
      <c r="E200" s="24" t="s">
        <v>252</v>
      </c>
    </row>
    <row r="201" spans="1:5" ht="159.9" customHeight="1" x14ac:dyDescent="0.3">
      <c r="A201" s="18" t="s">
        <v>552</v>
      </c>
      <c r="B201" s="38">
        <v>900000</v>
      </c>
      <c r="C201" s="25" t="s">
        <v>553</v>
      </c>
      <c r="D201" s="21" t="s">
        <v>554</v>
      </c>
      <c r="E201" s="25" t="s">
        <v>282</v>
      </c>
    </row>
    <row r="202" spans="1:5" ht="159.9" customHeight="1" x14ac:dyDescent="0.3">
      <c r="A202" s="18" t="s">
        <v>555</v>
      </c>
      <c r="B202" s="38">
        <v>240000</v>
      </c>
      <c r="C202" s="25" t="s">
        <v>556</v>
      </c>
      <c r="D202" s="21" t="s">
        <v>557</v>
      </c>
      <c r="E202" s="25" t="s">
        <v>371</v>
      </c>
    </row>
    <row r="203" spans="1:5" ht="159.9" customHeight="1" x14ac:dyDescent="0.3">
      <c r="A203" s="18" t="s">
        <v>558</v>
      </c>
      <c r="B203" s="38">
        <v>952000</v>
      </c>
      <c r="C203" s="39" t="s">
        <v>559</v>
      </c>
      <c r="D203" s="21" t="s">
        <v>560</v>
      </c>
      <c r="E203" s="24" t="s">
        <v>246</v>
      </c>
    </row>
    <row r="204" spans="1:5" ht="159.9" customHeight="1" x14ac:dyDescent="0.3">
      <c r="A204" s="18" t="s">
        <v>561</v>
      </c>
      <c r="B204" s="38">
        <v>900000</v>
      </c>
      <c r="C204" s="20" t="s">
        <v>562</v>
      </c>
      <c r="D204" s="21" t="s">
        <v>563</v>
      </c>
      <c r="E204" s="24" t="s">
        <v>282</v>
      </c>
    </row>
    <row r="205" spans="1:5" ht="159.9" customHeight="1" x14ac:dyDescent="0.3">
      <c r="A205" s="18" t="s">
        <v>564</v>
      </c>
      <c r="B205" s="38">
        <v>663200</v>
      </c>
      <c r="C205" s="25" t="s">
        <v>565</v>
      </c>
      <c r="D205" s="21" t="s">
        <v>566</v>
      </c>
      <c r="E205" s="24" t="s">
        <v>567</v>
      </c>
    </row>
    <row r="206" spans="1:5" ht="159.9" customHeight="1" x14ac:dyDescent="0.3">
      <c r="A206" s="18" t="s">
        <v>568</v>
      </c>
      <c r="B206" s="38">
        <v>340000</v>
      </c>
      <c r="C206" s="20" t="s">
        <v>569</v>
      </c>
      <c r="D206" s="21" t="s">
        <v>570</v>
      </c>
      <c r="E206" s="24" t="s">
        <v>571</v>
      </c>
    </row>
    <row r="207" spans="1:5" ht="159.9" customHeight="1" x14ac:dyDescent="0.3">
      <c r="A207" s="18" t="s">
        <v>572</v>
      </c>
      <c r="B207" s="38">
        <v>2019984</v>
      </c>
      <c r="C207" s="20" t="s">
        <v>573</v>
      </c>
      <c r="D207" s="21" t="s">
        <v>574</v>
      </c>
      <c r="E207" s="24" t="s">
        <v>575</v>
      </c>
    </row>
    <row r="208" spans="1:5" ht="159.9" customHeight="1" x14ac:dyDescent="0.3">
      <c r="A208" s="18" t="s">
        <v>576</v>
      </c>
      <c r="B208" s="38">
        <v>165000</v>
      </c>
      <c r="C208" s="20" t="s">
        <v>382</v>
      </c>
      <c r="D208" s="21" t="s">
        <v>577</v>
      </c>
      <c r="E208" s="24" t="s">
        <v>118</v>
      </c>
    </row>
    <row r="209" spans="1:5" ht="159.9" customHeight="1" x14ac:dyDescent="0.3">
      <c r="A209" s="18" t="s">
        <v>578</v>
      </c>
      <c r="B209" s="38">
        <v>1469052</v>
      </c>
      <c r="C209" s="20" t="s">
        <v>378</v>
      </c>
      <c r="D209" s="21" t="s">
        <v>579</v>
      </c>
      <c r="E209" s="24" t="s">
        <v>580</v>
      </c>
    </row>
    <row r="210" spans="1:5" ht="159.9" customHeight="1" x14ac:dyDescent="0.3">
      <c r="A210" s="18" t="s">
        <v>581</v>
      </c>
      <c r="B210" s="38">
        <v>1685880</v>
      </c>
      <c r="C210" s="20" t="s">
        <v>582</v>
      </c>
      <c r="D210" s="21" t="s">
        <v>583</v>
      </c>
      <c r="E210" s="24" t="s">
        <v>575</v>
      </c>
    </row>
    <row r="211" spans="1:5" ht="159.9" customHeight="1" x14ac:dyDescent="0.3">
      <c r="A211" s="18" t="s">
        <v>584</v>
      </c>
      <c r="B211" s="38">
        <v>913000</v>
      </c>
      <c r="C211" s="20" t="s">
        <v>585</v>
      </c>
      <c r="D211" s="21" t="s">
        <v>586</v>
      </c>
      <c r="E211" s="24" t="s">
        <v>587</v>
      </c>
    </row>
    <row r="212" spans="1:5" ht="159.9" customHeight="1" x14ac:dyDescent="0.3">
      <c r="A212" s="18" t="s">
        <v>588</v>
      </c>
      <c r="B212" s="38">
        <v>2820000</v>
      </c>
      <c r="C212" s="20" t="s">
        <v>589</v>
      </c>
      <c r="D212" s="21" t="s">
        <v>590</v>
      </c>
      <c r="E212" s="24" t="s">
        <v>591</v>
      </c>
    </row>
    <row r="213" spans="1:5" ht="159.9" customHeight="1" x14ac:dyDescent="0.3">
      <c r="A213" s="18" t="s">
        <v>592</v>
      </c>
      <c r="B213" s="38">
        <v>1457000</v>
      </c>
      <c r="C213" s="39" t="s">
        <v>593</v>
      </c>
      <c r="D213" s="21" t="s">
        <v>594</v>
      </c>
      <c r="E213" s="24" t="s">
        <v>595</v>
      </c>
    </row>
    <row r="214" spans="1:5" ht="159.9" customHeight="1" x14ac:dyDescent="0.3">
      <c r="A214" s="18" t="s">
        <v>596</v>
      </c>
      <c r="B214" s="38">
        <v>350000</v>
      </c>
      <c r="C214" s="20" t="s">
        <v>597</v>
      </c>
      <c r="D214" s="21" t="s">
        <v>598</v>
      </c>
      <c r="E214" s="24" t="s">
        <v>599</v>
      </c>
    </row>
    <row r="215" spans="1:5" ht="159.9" customHeight="1" x14ac:dyDescent="0.3">
      <c r="A215" s="18" t="s">
        <v>600</v>
      </c>
      <c r="B215" s="38">
        <v>160000</v>
      </c>
      <c r="C215" s="14" t="s">
        <v>601</v>
      </c>
      <c r="D215" s="21" t="s">
        <v>602</v>
      </c>
      <c r="E215" s="24" t="s">
        <v>228</v>
      </c>
    </row>
    <row r="216" spans="1:5" ht="159.9" customHeight="1" x14ac:dyDescent="0.3">
      <c r="A216" s="18" t="s">
        <v>603</v>
      </c>
      <c r="B216" s="38">
        <v>260000</v>
      </c>
      <c r="C216" s="20" t="s">
        <v>472</v>
      </c>
      <c r="D216" s="21" t="s">
        <v>604</v>
      </c>
      <c r="E216" s="24" t="s">
        <v>605</v>
      </c>
    </row>
    <row r="217" spans="1:5" ht="159.9" customHeight="1" x14ac:dyDescent="0.3">
      <c r="A217" s="18" t="s">
        <v>606</v>
      </c>
      <c r="B217" s="38">
        <v>349900</v>
      </c>
      <c r="C217" s="20" t="s">
        <v>540</v>
      </c>
      <c r="D217" s="21" t="s">
        <v>607</v>
      </c>
      <c r="E217" s="24" t="s">
        <v>608</v>
      </c>
    </row>
    <row r="218" spans="1:5" ht="159.9" customHeight="1" x14ac:dyDescent="0.3">
      <c r="A218" s="18" t="s">
        <v>609</v>
      </c>
      <c r="B218" s="38">
        <v>958000</v>
      </c>
      <c r="C218" s="20" t="s">
        <v>610</v>
      </c>
      <c r="D218" s="21" t="s">
        <v>611</v>
      </c>
      <c r="E218" s="24" t="s">
        <v>270</v>
      </c>
    </row>
    <row r="219" spans="1:5" ht="159.9" customHeight="1" x14ac:dyDescent="0.3">
      <c r="A219" s="18" t="s">
        <v>612</v>
      </c>
      <c r="B219" s="38">
        <v>1310000</v>
      </c>
      <c r="C219" s="20" t="s">
        <v>613</v>
      </c>
      <c r="D219" s="21" t="s">
        <v>614</v>
      </c>
      <c r="E219" s="24" t="s">
        <v>282</v>
      </c>
    </row>
    <row r="220" spans="1:5" ht="159.9" customHeight="1" x14ac:dyDescent="0.3">
      <c r="A220" s="18" t="s">
        <v>615</v>
      </c>
      <c r="B220" s="38">
        <v>195000</v>
      </c>
      <c r="C220" s="20" t="s">
        <v>616</v>
      </c>
      <c r="D220" s="21" t="s">
        <v>617</v>
      </c>
      <c r="E220" s="24" t="s">
        <v>618</v>
      </c>
    </row>
    <row r="221" spans="1:5" ht="159.9" customHeight="1" x14ac:dyDescent="0.3">
      <c r="A221" s="18" t="s">
        <v>619</v>
      </c>
      <c r="B221" s="38">
        <v>4251300</v>
      </c>
      <c r="C221" s="25" t="s">
        <v>620</v>
      </c>
      <c r="D221" s="21" t="s">
        <v>621</v>
      </c>
      <c r="E221" s="46" t="s">
        <v>622</v>
      </c>
    </row>
    <row r="222" spans="1:5" ht="159.9" customHeight="1" x14ac:dyDescent="0.3">
      <c r="A222" s="18" t="s">
        <v>623</v>
      </c>
      <c r="B222" s="38">
        <v>690000</v>
      </c>
      <c r="C222" s="20" t="s">
        <v>106</v>
      </c>
      <c r="D222" s="21" t="s">
        <v>624</v>
      </c>
      <c r="E222" s="24" t="s">
        <v>270</v>
      </c>
    </row>
    <row r="223" spans="1:5" ht="159.9" customHeight="1" x14ac:dyDescent="0.3">
      <c r="A223" s="18" t="s">
        <v>625</v>
      </c>
      <c r="B223" s="38">
        <v>1960000</v>
      </c>
      <c r="C223" s="20" t="s">
        <v>626</v>
      </c>
      <c r="D223" s="21" t="s">
        <v>627</v>
      </c>
      <c r="E223" s="24" t="s">
        <v>232</v>
      </c>
    </row>
    <row r="224" spans="1:5" ht="159.9" customHeight="1" x14ac:dyDescent="0.3">
      <c r="A224" s="18" t="s">
        <v>628</v>
      </c>
      <c r="B224" s="38">
        <v>2050000</v>
      </c>
      <c r="C224" s="20" t="s">
        <v>629</v>
      </c>
      <c r="D224" s="21" t="s">
        <v>627</v>
      </c>
      <c r="E224" s="24" t="s">
        <v>246</v>
      </c>
    </row>
    <row r="225" spans="1:5" ht="159.9" customHeight="1" x14ac:dyDescent="0.3">
      <c r="A225" s="18" t="s">
        <v>630</v>
      </c>
      <c r="B225" s="38">
        <v>750000</v>
      </c>
      <c r="C225" s="20" t="s">
        <v>631</v>
      </c>
      <c r="D225" s="21" t="s">
        <v>632</v>
      </c>
      <c r="E225" s="24" t="s">
        <v>633</v>
      </c>
    </row>
    <row r="226" spans="1:5" ht="159.9" customHeight="1" x14ac:dyDescent="0.3">
      <c r="A226" s="18" t="s">
        <v>634</v>
      </c>
      <c r="B226" s="38">
        <v>172000</v>
      </c>
      <c r="C226" s="14" t="s">
        <v>635</v>
      </c>
      <c r="D226" s="21" t="s">
        <v>636</v>
      </c>
      <c r="E226" s="24" t="s">
        <v>119</v>
      </c>
    </row>
    <row r="227" spans="1:5" ht="159.9" customHeight="1" x14ac:dyDescent="0.3">
      <c r="A227" s="18" t="s">
        <v>637</v>
      </c>
      <c r="B227" s="38">
        <v>1768000</v>
      </c>
      <c r="C227" s="20" t="s">
        <v>638</v>
      </c>
      <c r="D227" s="21" t="s">
        <v>639</v>
      </c>
      <c r="E227" s="24" t="s">
        <v>252</v>
      </c>
    </row>
    <row r="228" spans="1:5" ht="159.9" customHeight="1" x14ac:dyDescent="0.3">
      <c r="A228" s="18" t="s">
        <v>640</v>
      </c>
      <c r="B228" s="38">
        <v>940000</v>
      </c>
      <c r="C228" s="20" t="s">
        <v>641</v>
      </c>
      <c r="D228" s="21" t="s">
        <v>642</v>
      </c>
      <c r="E228" s="24" t="s">
        <v>371</v>
      </c>
    </row>
    <row r="229" spans="1:5" ht="159.9" customHeight="1" x14ac:dyDescent="0.3">
      <c r="A229" s="18" t="s">
        <v>643</v>
      </c>
      <c r="B229" s="38">
        <v>5300000</v>
      </c>
      <c r="C229" s="20" t="s">
        <v>644</v>
      </c>
      <c r="D229" s="21" t="s">
        <v>645</v>
      </c>
      <c r="E229" s="24" t="s">
        <v>246</v>
      </c>
    </row>
    <row r="230" spans="1:5" ht="159.9" customHeight="1" x14ac:dyDescent="0.3">
      <c r="A230" s="18" t="s">
        <v>646</v>
      </c>
      <c r="B230" s="38">
        <v>758000</v>
      </c>
      <c r="C230" s="20" t="s">
        <v>647</v>
      </c>
      <c r="D230" s="21" t="s">
        <v>648</v>
      </c>
      <c r="E230" s="24" t="s">
        <v>649</v>
      </c>
    </row>
    <row r="231" spans="1:5" ht="159.9" customHeight="1" x14ac:dyDescent="0.3">
      <c r="A231" s="18" t="s">
        <v>650</v>
      </c>
      <c r="B231" s="38">
        <v>193000</v>
      </c>
      <c r="C231" s="15" t="s">
        <v>651</v>
      </c>
      <c r="D231" s="21" t="s">
        <v>652</v>
      </c>
      <c r="E231" s="24" t="s">
        <v>653</v>
      </c>
    </row>
    <row r="232" spans="1:5" ht="159.9" customHeight="1" x14ac:dyDescent="0.3">
      <c r="A232" s="18" t="s">
        <v>654</v>
      </c>
      <c r="B232" s="38">
        <v>503920</v>
      </c>
      <c r="C232" s="20" t="s">
        <v>655</v>
      </c>
      <c r="D232" s="21" t="s">
        <v>656</v>
      </c>
      <c r="E232" s="24" t="s">
        <v>459</v>
      </c>
    </row>
    <row r="233" spans="1:5" ht="159.9" customHeight="1" x14ac:dyDescent="0.3">
      <c r="A233" s="18" t="s">
        <v>657</v>
      </c>
      <c r="B233" s="38">
        <v>5785000</v>
      </c>
      <c r="C233" s="47" t="s">
        <v>658</v>
      </c>
      <c r="D233" s="21" t="s">
        <v>659</v>
      </c>
      <c r="E233" s="25" t="s">
        <v>660</v>
      </c>
    </row>
    <row r="234" spans="1:5" ht="159.9" customHeight="1" x14ac:dyDescent="0.3">
      <c r="A234" s="18" t="s">
        <v>661</v>
      </c>
      <c r="B234" s="38">
        <v>930000</v>
      </c>
      <c r="C234" s="48" t="s">
        <v>662</v>
      </c>
      <c r="D234" s="21" t="s">
        <v>663</v>
      </c>
      <c r="E234" s="24" t="s">
        <v>119</v>
      </c>
    </row>
    <row r="235" spans="1:5" ht="159.9" customHeight="1" x14ac:dyDescent="0.3">
      <c r="A235" s="18" t="s">
        <v>664</v>
      </c>
      <c r="B235" s="38">
        <v>145000</v>
      </c>
      <c r="C235" s="20" t="s">
        <v>665</v>
      </c>
      <c r="D235" s="21" t="s">
        <v>666</v>
      </c>
      <c r="E235" s="24" t="s">
        <v>667</v>
      </c>
    </row>
    <row r="236" spans="1:5" ht="159.9" customHeight="1" x14ac:dyDescent="0.3">
      <c r="A236" s="18" t="s">
        <v>668</v>
      </c>
      <c r="B236" s="38">
        <v>201000</v>
      </c>
      <c r="C236" s="20" t="s">
        <v>669</v>
      </c>
      <c r="D236" s="21" t="s">
        <v>670</v>
      </c>
      <c r="E236" s="24" t="s">
        <v>671</v>
      </c>
    </row>
    <row r="237" spans="1:5" ht="159.9" customHeight="1" x14ac:dyDescent="0.3">
      <c r="A237" s="18" t="s">
        <v>672</v>
      </c>
      <c r="B237" s="38">
        <v>1733148</v>
      </c>
      <c r="C237" s="20" t="s">
        <v>673</v>
      </c>
      <c r="D237" s="21" t="s">
        <v>674</v>
      </c>
      <c r="E237" s="24" t="s">
        <v>675</v>
      </c>
    </row>
    <row r="238" spans="1:5" ht="159.9" customHeight="1" x14ac:dyDescent="0.3">
      <c r="A238" s="18" t="s">
        <v>676</v>
      </c>
      <c r="B238" s="38">
        <v>1968624</v>
      </c>
      <c r="C238" s="20" t="s">
        <v>677</v>
      </c>
      <c r="D238" s="21" t="s">
        <v>678</v>
      </c>
      <c r="E238" s="24" t="s">
        <v>679</v>
      </c>
    </row>
    <row r="239" spans="1:5" ht="159.9" customHeight="1" x14ac:dyDescent="0.3">
      <c r="A239" s="18" t="s">
        <v>680</v>
      </c>
      <c r="B239" s="38">
        <v>264500</v>
      </c>
      <c r="C239" s="20" t="s">
        <v>681</v>
      </c>
      <c r="D239" s="21" t="s">
        <v>678</v>
      </c>
      <c r="E239" s="24" t="s">
        <v>169</v>
      </c>
    </row>
    <row r="240" spans="1:5" ht="159.9" customHeight="1" x14ac:dyDescent="0.3">
      <c r="A240" s="18" t="s">
        <v>682</v>
      </c>
      <c r="B240" s="38">
        <v>1151842</v>
      </c>
      <c r="C240" s="20" t="s">
        <v>683</v>
      </c>
      <c r="D240" s="21" t="s">
        <v>684</v>
      </c>
      <c r="E240" s="24" t="s">
        <v>675</v>
      </c>
    </row>
    <row r="241" spans="1:5" ht="159.9" customHeight="1" x14ac:dyDescent="0.3">
      <c r="A241" s="18" t="s">
        <v>685</v>
      </c>
      <c r="B241" s="38">
        <v>168000</v>
      </c>
      <c r="C241" s="20" t="s">
        <v>382</v>
      </c>
      <c r="D241" s="21" t="s">
        <v>686</v>
      </c>
      <c r="E241" s="24" t="s">
        <v>118</v>
      </c>
    </row>
    <row r="242" spans="1:5" ht="159.9" customHeight="1" x14ac:dyDescent="0.3">
      <c r="A242" s="18" t="s">
        <v>687</v>
      </c>
      <c r="B242" s="38">
        <v>286686</v>
      </c>
      <c r="C242" s="20" t="s">
        <v>688</v>
      </c>
      <c r="D242" s="21" t="s">
        <v>689</v>
      </c>
      <c r="E242" s="24" t="s">
        <v>690</v>
      </c>
    </row>
    <row r="243" spans="1:5" ht="159.9" customHeight="1" x14ac:dyDescent="0.3">
      <c r="A243" s="18" t="s">
        <v>691</v>
      </c>
      <c r="B243" s="38">
        <v>344442</v>
      </c>
      <c r="C243" s="20" t="s">
        <v>692</v>
      </c>
      <c r="D243" s="21" t="s">
        <v>693</v>
      </c>
      <c r="E243" s="24" t="s">
        <v>694</v>
      </c>
    </row>
    <row r="244" spans="1:5" ht="159.9" customHeight="1" x14ac:dyDescent="0.3">
      <c r="A244" s="18" t="s">
        <v>695</v>
      </c>
      <c r="B244" s="38">
        <v>4890000</v>
      </c>
      <c r="C244" s="20" t="s">
        <v>696</v>
      </c>
      <c r="D244" s="21" t="s">
        <v>697</v>
      </c>
      <c r="E244" s="24" t="s">
        <v>618</v>
      </c>
    </row>
    <row r="245" spans="1:5" ht="159.9" customHeight="1" x14ac:dyDescent="0.3">
      <c r="A245" s="18" t="s">
        <v>698</v>
      </c>
      <c r="B245" s="38">
        <v>3450000</v>
      </c>
      <c r="C245" s="20" t="s">
        <v>699</v>
      </c>
      <c r="D245" s="21" t="s">
        <v>700</v>
      </c>
      <c r="E245" s="24" t="s">
        <v>701</v>
      </c>
    </row>
    <row r="246" spans="1:5" ht="159.9" customHeight="1" x14ac:dyDescent="0.3">
      <c r="A246" s="18" t="s">
        <v>702</v>
      </c>
      <c r="B246" s="38">
        <v>1155000</v>
      </c>
      <c r="C246" s="20" t="s">
        <v>703</v>
      </c>
      <c r="D246" s="21" t="s">
        <v>704</v>
      </c>
      <c r="E246" s="24" t="s">
        <v>519</v>
      </c>
    </row>
    <row r="247" spans="1:5" ht="159.9" customHeight="1" x14ac:dyDescent="0.3">
      <c r="A247" s="18" t="s">
        <v>705</v>
      </c>
      <c r="B247" s="38">
        <v>2880000</v>
      </c>
      <c r="C247" s="20" t="s">
        <v>706</v>
      </c>
      <c r="D247" s="21" t="s">
        <v>707</v>
      </c>
      <c r="E247" s="24" t="s">
        <v>708</v>
      </c>
    </row>
    <row r="248" spans="1:5" ht="159.9" customHeight="1" x14ac:dyDescent="0.3">
      <c r="A248" s="18" t="s">
        <v>709</v>
      </c>
      <c r="B248" s="38">
        <v>243810</v>
      </c>
      <c r="C248" s="20" t="s">
        <v>472</v>
      </c>
      <c r="D248" s="21" t="s">
        <v>710</v>
      </c>
      <c r="E248" s="24" t="s">
        <v>206</v>
      </c>
    </row>
    <row r="249" spans="1:5" ht="159.9" customHeight="1" x14ac:dyDescent="0.3">
      <c r="A249" s="18" t="s">
        <v>711</v>
      </c>
      <c r="B249" s="38">
        <v>915000</v>
      </c>
      <c r="C249" s="20" t="s">
        <v>712</v>
      </c>
      <c r="D249" s="21" t="s">
        <v>713</v>
      </c>
      <c r="E249" s="24" t="s">
        <v>714</v>
      </c>
    </row>
    <row r="250" spans="1:5" ht="159.9" customHeight="1" x14ac:dyDescent="0.3">
      <c r="A250" s="18" t="s">
        <v>715</v>
      </c>
      <c r="B250" s="38">
        <v>691000</v>
      </c>
      <c r="C250" s="20" t="s">
        <v>716</v>
      </c>
      <c r="D250" s="21" t="s">
        <v>717</v>
      </c>
      <c r="E250" s="24" t="s">
        <v>270</v>
      </c>
    </row>
    <row r="251" spans="1:5" ht="159.9" customHeight="1" x14ac:dyDescent="0.3">
      <c r="A251" s="18" t="s">
        <v>718</v>
      </c>
      <c r="B251" s="38">
        <v>5200000</v>
      </c>
      <c r="C251" s="20" t="s">
        <v>719</v>
      </c>
      <c r="D251" s="21" t="s">
        <v>720</v>
      </c>
      <c r="E251" s="24" t="s">
        <v>246</v>
      </c>
    </row>
    <row r="252" spans="1:5" ht="159.9" customHeight="1" x14ac:dyDescent="0.3">
      <c r="A252" s="18" t="s">
        <v>721</v>
      </c>
      <c r="B252" s="38">
        <v>592800</v>
      </c>
      <c r="C252" s="20" t="s">
        <v>722</v>
      </c>
      <c r="D252" s="21" t="s">
        <v>723</v>
      </c>
      <c r="E252" s="24" t="s">
        <v>724</v>
      </c>
    </row>
    <row r="253" spans="1:5" ht="159.9" customHeight="1" x14ac:dyDescent="0.3">
      <c r="A253" s="18" t="s">
        <v>725</v>
      </c>
      <c r="B253" s="38">
        <v>2130000</v>
      </c>
      <c r="C253" s="20" t="s">
        <v>726</v>
      </c>
      <c r="D253" s="21" t="s">
        <v>727</v>
      </c>
      <c r="E253" s="24" t="s">
        <v>728</v>
      </c>
    </row>
    <row r="254" spans="1:5" ht="159.9" customHeight="1" x14ac:dyDescent="0.3">
      <c r="A254" s="18" t="s">
        <v>729</v>
      </c>
      <c r="B254" s="38">
        <v>900000</v>
      </c>
      <c r="C254" s="20" t="s">
        <v>730</v>
      </c>
      <c r="D254" s="21" t="s">
        <v>727</v>
      </c>
      <c r="E254" s="24" t="s">
        <v>246</v>
      </c>
    </row>
    <row r="255" spans="1:5" ht="159.9" customHeight="1" x14ac:dyDescent="0.3">
      <c r="A255" s="18" t="s">
        <v>731</v>
      </c>
      <c r="B255" s="38">
        <v>1750000</v>
      </c>
      <c r="C255" s="20" t="s">
        <v>732</v>
      </c>
      <c r="D255" s="21" t="s">
        <v>733</v>
      </c>
      <c r="E255" s="24" t="s">
        <v>252</v>
      </c>
    </row>
    <row r="256" spans="1:5" ht="159.9" customHeight="1" x14ac:dyDescent="0.3">
      <c r="A256" s="18" t="s">
        <v>734</v>
      </c>
      <c r="B256" s="38">
        <v>970000</v>
      </c>
      <c r="C256" s="20" t="s">
        <v>735</v>
      </c>
      <c r="D256" s="21" t="s">
        <v>736</v>
      </c>
      <c r="E256" s="24" t="s">
        <v>246</v>
      </c>
    </row>
    <row r="257" spans="1:11" ht="159.9" customHeight="1" x14ac:dyDescent="0.3">
      <c r="A257" s="18" t="s">
        <v>737</v>
      </c>
      <c r="B257" s="38">
        <v>439200</v>
      </c>
      <c r="C257" s="20" t="s">
        <v>738</v>
      </c>
      <c r="D257" s="21" t="s">
        <v>739</v>
      </c>
      <c r="E257" s="24" t="s">
        <v>740</v>
      </c>
    </row>
    <row r="258" spans="1:11" ht="159.9" customHeight="1" x14ac:dyDescent="0.3">
      <c r="A258" s="18" t="s">
        <v>741</v>
      </c>
      <c r="B258" s="38">
        <v>2092000</v>
      </c>
      <c r="C258" s="20" t="s">
        <v>742</v>
      </c>
      <c r="D258" s="21" t="s">
        <v>743</v>
      </c>
      <c r="E258" s="24" t="s">
        <v>622</v>
      </c>
    </row>
    <row r="259" spans="1:11" ht="159.9" customHeight="1" x14ac:dyDescent="0.3">
      <c r="A259" s="18" t="s">
        <v>744</v>
      </c>
      <c r="B259" s="38">
        <v>837675</v>
      </c>
      <c r="C259" s="20" t="s">
        <v>683</v>
      </c>
      <c r="D259" s="21" t="s">
        <v>743</v>
      </c>
      <c r="E259" s="24" t="s">
        <v>745</v>
      </c>
    </row>
    <row r="260" spans="1:11" ht="159.9" customHeight="1" x14ac:dyDescent="0.3">
      <c r="A260" s="18" t="s">
        <v>746</v>
      </c>
      <c r="B260" s="38">
        <v>6620000</v>
      </c>
      <c r="C260" s="20" t="s">
        <v>747</v>
      </c>
      <c r="D260" s="21" t="s">
        <v>748</v>
      </c>
      <c r="E260" s="24" t="s">
        <v>282</v>
      </c>
    </row>
    <row r="261" spans="1:11" ht="159.9" customHeight="1" x14ac:dyDescent="0.3">
      <c r="A261" s="18" t="s">
        <v>749</v>
      </c>
      <c r="B261" s="38">
        <v>195240</v>
      </c>
      <c r="C261" s="20" t="s">
        <v>750</v>
      </c>
      <c r="D261" s="21" t="s">
        <v>751</v>
      </c>
      <c r="E261" s="24" t="s">
        <v>752</v>
      </c>
    </row>
    <row r="262" spans="1:11" ht="159.9" customHeight="1" x14ac:dyDescent="0.3">
      <c r="A262" s="18" t="s">
        <v>753</v>
      </c>
      <c r="B262" s="38">
        <v>1857828</v>
      </c>
      <c r="C262" s="20" t="s">
        <v>677</v>
      </c>
      <c r="D262" s="21" t="s">
        <v>754</v>
      </c>
      <c r="E262" s="24" t="s">
        <v>575</v>
      </c>
    </row>
    <row r="263" spans="1:11" ht="159.9" customHeight="1" x14ac:dyDescent="0.3">
      <c r="A263" s="18" t="s">
        <v>755</v>
      </c>
      <c r="B263" s="38">
        <v>166000</v>
      </c>
      <c r="C263" s="20" t="s">
        <v>382</v>
      </c>
      <c r="D263" s="21" t="s">
        <v>756</v>
      </c>
      <c r="E263" s="24" t="s">
        <v>118</v>
      </c>
    </row>
    <row r="264" spans="1:11" ht="159.9" customHeight="1" x14ac:dyDescent="0.3">
      <c r="A264" s="18" t="s">
        <v>757</v>
      </c>
      <c r="B264" s="38">
        <v>1329960</v>
      </c>
      <c r="C264" s="20" t="s">
        <v>758</v>
      </c>
      <c r="D264" s="21" t="s">
        <v>759</v>
      </c>
      <c r="E264" s="24" t="s">
        <v>760</v>
      </c>
    </row>
    <row r="265" spans="1:11" ht="159.9" customHeight="1" x14ac:dyDescent="0.3">
      <c r="A265" s="18" t="s">
        <v>761</v>
      </c>
      <c r="B265" s="38">
        <v>196000</v>
      </c>
      <c r="C265" s="14" t="s">
        <v>762</v>
      </c>
      <c r="D265" s="21" t="s">
        <v>763</v>
      </c>
      <c r="E265" s="24" t="s">
        <v>653</v>
      </c>
    </row>
    <row r="266" spans="1:11" ht="159.9" customHeight="1" x14ac:dyDescent="0.3">
      <c r="A266" s="18" t="s">
        <v>764</v>
      </c>
      <c r="B266" s="38">
        <v>264600</v>
      </c>
      <c r="C266" s="20" t="s">
        <v>765</v>
      </c>
      <c r="D266" s="21" t="s">
        <v>766</v>
      </c>
      <c r="E266" s="24" t="s">
        <v>169</v>
      </c>
    </row>
    <row r="267" spans="1:11" s="49" customFormat="1" ht="159.9" customHeight="1" x14ac:dyDescent="0.3">
      <c r="A267" s="18" t="s">
        <v>767</v>
      </c>
      <c r="B267" s="38">
        <v>629000</v>
      </c>
      <c r="C267" s="20" t="s">
        <v>768</v>
      </c>
      <c r="D267" s="21" t="s">
        <v>769</v>
      </c>
      <c r="E267" s="24" t="s">
        <v>770</v>
      </c>
      <c r="G267" s="50"/>
      <c r="I267" s="51"/>
      <c r="J267" s="51"/>
      <c r="K267" s="51"/>
    </row>
    <row r="268" spans="1:11" s="49" customFormat="1" ht="159.9" customHeight="1" x14ac:dyDescent="0.3">
      <c r="A268" s="18" t="s">
        <v>771</v>
      </c>
      <c r="B268" s="38">
        <v>2408500</v>
      </c>
      <c r="C268" s="20" t="s">
        <v>772</v>
      </c>
      <c r="D268" s="21" t="s">
        <v>773</v>
      </c>
      <c r="E268" s="24" t="s">
        <v>246</v>
      </c>
      <c r="G268" s="50"/>
      <c r="I268" s="51"/>
      <c r="J268" s="51"/>
      <c r="K268" s="51"/>
    </row>
    <row r="269" spans="1:11" s="49" customFormat="1" ht="159.9" customHeight="1" x14ac:dyDescent="0.3">
      <c r="A269" s="18" t="s">
        <v>774</v>
      </c>
      <c r="B269" s="38">
        <v>100000</v>
      </c>
      <c r="C269" s="14" t="s">
        <v>775</v>
      </c>
      <c r="D269" s="21" t="s">
        <v>776</v>
      </c>
      <c r="E269" s="24" t="s">
        <v>119</v>
      </c>
      <c r="G269" s="50"/>
      <c r="I269" s="51"/>
      <c r="J269" s="51"/>
      <c r="K269" s="51"/>
    </row>
    <row r="270" spans="1:11" ht="159.9" customHeight="1" x14ac:dyDescent="0.3">
      <c r="A270" s="18" t="s">
        <v>777</v>
      </c>
      <c r="B270" s="38">
        <v>920000</v>
      </c>
      <c r="C270" s="20" t="s">
        <v>778</v>
      </c>
      <c r="D270" s="21" t="s">
        <v>779</v>
      </c>
      <c r="E270" s="42" t="s">
        <v>780</v>
      </c>
    </row>
    <row r="271" spans="1:11" ht="159.9" customHeight="1" x14ac:dyDescent="0.3">
      <c r="A271" s="18" t="s">
        <v>781</v>
      </c>
      <c r="B271" s="38">
        <v>479000</v>
      </c>
      <c r="C271" s="14" t="s">
        <v>782</v>
      </c>
      <c r="D271" s="21" t="s">
        <v>783</v>
      </c>
      <c r="E271" s="24" t="s">
        <v>724</v>
      </c>
    </row>
    <row r="272" spans="1:11" s="49" customFormat="1" ht="159.9" customHeight="1" x14ac:dyDescent="0.3">
      <c r="A272" s="18" t="s">
        <v>784</v>
      </c>
      <c r="B272" s="38">
        <v>855000</v>
      </c>
      <c r="C272" s="20" t="s">
        <v>785</v>
      </c>
      <c r="D272" s="21" t="s">
        <v>786</v>
      </c>
      <c r="E272" s="24" t="s">
        <v>787</v>
      </c>
      <c r="G272" s="50"/>
    </row>
    <row r="273" spans="1:13" s="49" customFormat="1" ht="159.9" customHeight="1" x14ac:dyDescent="0.3">
      <c r="A273" s="18" t="s">
        <v>788</v>
      </c>
      <c r="B273" s="38">
        <v>450000</v>
      </c>
      <c r="C273" s="14" t="s">
        <v>789</v>
      </c>
      <c r="D273" s="21" t="s">
        <v>790</v>
      </c>
      <c r="E273" s="24" t="s">
        <v>791</v>
      </c>
      <c r="G273" s="50"/>
    </row>
    <row r="274" spans="1:13" ht="159.9" customHeight="1" x14ac:dyDescent="0.3">
      <c r="A274" s="18" t="s">
        <v>792</v>
      </c>
      <c r="B274" s="38">
        <v>180000</v>
      </c>
      <c r="C274" s="14" t="s">
        <v>793</v>
      </c>
      <c r="D274" s="52" t="s">
        <v>794</v>
      </c>
      <c r="E274" s="24" t="s">
        <v>791</v>
      </c>
    </row>
    <row r="275" spans="1:13" ht="159.9" customHeight="1" x14ac:dyDescent="0.3">
      <c r="A275" s="18" t="s">
        <v>795</v>
      </c>
      <c r="B275" s="38">
        <v>713700</v>
      </c>
      <c r="C275" s="20" t="s">
        <v>796</v>
      </c>
      <c r="D275" s="52" t="s">
        <v>797</v>
      </c>
      <c r="E275" s="24" t="s">
        <v>270</v>
      </c>
    </row>
    <row r="276" spans="1:13" ht="159.9" customHeight="1" x14ac:dyDescent="0.3">
      <c r="A276" s="18" t="s">
        <v>798</v>
      </c>
      <c r="B276" s="38">
        <v>482000</v>
      </c>
      <c r="C276" s="20" t="s">
        <v>799</v>
      </c>
      <c r="D276" s="21" t="s">
        <v>800</v>
      </c>
      <c r="E276" s="24" t="s">
        <v>801</v>
      </c>
    </row>
    <row r="277" spans="1:13" s="49" customFormat="1" ht="159.9" customHeight="1" x14ac:dyDescent="0.3">
      <c r="A277" s="18" t="s">
        <v>802</v>
      </c>
      <c r="B277" s="38">
        <v>400000</v>
      </c>
      <c r="C277" s="20" t="s">
        <v>716</v>
      </c>
      <c r="D277" s="21" t="s">
        <v>803</v>
      </c>
      <c r="E277" s="24" t="s">
        <v>270</v>
      </c>
      <c r="G277" s="50"/>
    </row>
    <row r="278" spans="1:13" s="49" customFormat="1" ht="159.9" customHeight="1" x14ac:dyDescent="0.3">
      <c r="A278" s="18" t="s">
        <v>804</v>
      </c>
      <c r="B278" s="38">
        <v>1150000</v>
      </c>
      <c r="C278" s="20" t="s">
        <v>805</v>
      </c>
      <c r="D278" s="21" t="s">
        <v>806</v>
      </c>
      <c r="E278" s="24" t="s">
        <v>622</v>
      </c>
      <c r="G278" s="50"/>
      <c r="I278" s="51"/>
      <c r="J278" s="51"/>
      <c r="K278" s="51"/>
    </row>
    <row r="279" spans="1:13" s="49" customFormat="1" ht="159.9" customHeight="1" x14ac:dyDescent="0.3">
      <c r="A279" s="18" t="s">
        <v>807</v>
      </c>
      <c r="B279" s="38">
        <v>906500</v>
      </c>
      <c r="C279" s="20" t="s">
        <v>808</v>
      </c>
      <c r="D279" s="21" t="s">
        <v>809</v>
      </c>
      <c r="E279" s="24" t="s">
        <v>519</v>
      </c>
    </row>
    <row r="280" spans="1:13" s="49" customFormat="1" ht="159.9" customHeight="1" x14ac:dyDescent="0.3">
      <c r="A280" s="18" t="s">
        <v>810</v>
      </c>
      <c r="B280" s="38">
        <v>1780000</v>
      </c>
      <c r="C280" s="20" t="s">
        <v>811</v>
      </c>
      <c r="D280" s="21" t="s">
        <v>812</v>
      </c>
      <c r="E280" s="24" t="s">
        <v>728</v>
      </c>
      <c r="G280" s="50"/>
    </row>
    <row r="281" spans="1:13" s="49" customFormat="1" ht="159.9" customHeight="1" x14ac:dyDescent="0.3">
      <c r="A281" s="18" t="s">
        <v>813</v>
      </c>
      <c r="B281" s="38">
        <v>1580000</v>
      </c>
      <c r="C281" s="20" t="s">
        <v>814</v>
      </c>
      <c r="D281" s="21" t="s">
        <v>815</v>
      </c>
      <c r="E281" s="24" t="s">
        <v>252</v>
      </c>
    </row>
    <row r="282" spans="1:13" s="49" customFormat="1" ht="159.9" customHeight="1" x14ac:dyDescent="0.3">
      <c r="A282" s="18" t="s">
        <v>816</v>
      </c>
      <c r="B282" s="38">
        <v>4450000</v>
      </c>
      <c r="C282" s="20" t="s">
        <v>817</v>
      </c>
      <c r="D282" s="21" t="s">
        <v>818</v>
      </c>
      <c r="E282" s="24" t="s">
        <v>246</v>
      </c>
      <c r="I282" s="51"/>
      <c r="J282" s="51"/>
      <c r="K282" s="51"/>
      <c r="L282" s="53"/>
    </row>
    <row r="283" spans="1:13" s="49" customFormat="1" ht="159.9" customHeight="1" x14ac:dyDescent="0.3">
      <c r="A283" s="18" t="s">
        <v>819</v>
      </c>
      <c r="B283" s="38">
        <v>779000</v>
      </c>
      <c r="C283" s="20" t="s">
        <v>820</v>
      </c>
      <c r="D283" s="21" t="s">
        <v>821</v>
      </c>
      <c r="E283" s="24" t="s">
        <v>822</v>
      </c>
      <c r="G283" s="50"/>
    </row>
    <row r="284" spans="1:13" s="49" customFormat="1" ht="159.9" customHeight="1" x14ac:dyDescent="0.3">
      <c r="A284" s="18" t="s">
        <v>823</v>
      </c>
      <c r="B284" s="38">
        <v>1190000</v>
      </c>
      <c r="C284" s="20" t="s">
        <v>824</v>
      </c>
      <c r="D284" s="21" t="s">
        <v>825</v>
      </c>
      <c r="E284" s="24" t="s">
        <v>826</v>
      </c>
      <c r="J284" s="51"/>
    </row>
    <row r="285" spans="1:13" s="49" customFormat="1" ht="159.9" customHeight="1" x14ac:dyDescent="0.3">
      <c r="A285" s="18" t="s">
        <v>827</v>
      </c>
      <c r="B285" s="38">
        <v>790000</v>
      </c>
      <c r="C285" s="20" t="s">
        <v>828</v>
      </c>
      <c r="D285" s="21" t="s">
        <v>825</v>
      </c>
      <c r="E285" s="24" t="s">
        <v>246</v>
      </c>
      <c r="J285" s="51"/>
      <c r="K285" s="51"/>
    </row>
    <row r="286" spans="1:13" s="49" customFormat="1" ht="159.9" customHeight="1" x14ac:dyDescent="0.3">
      <c r="A286" s="18" t="s">
        <v>829</v>
      </c>
      <c r="B286" s="38">
        <v>1150000</v>
      </c>
      <c r="C286" s="20" t="s">
        <v>830</v>
      </c>
      <c r="D286" s="21" t="s">
        <v>831</v>
      </c>
      <c r="E286" s="24" t="s">
        <v>246</v>
      </c>
      <c r="J286" s="51"/>
      <c r="K286" s="51"/>
    </row>
    <row r="287" spans="1:13" s="49" customFormat="1" ht="159.9" customHeight="1" x14ac:dyDescent="0.3">
      <c r="A287" s="18" t="s">
        <v>832</v>
      </c>
      <c r="B287" s="38">
        <v>128000</v>
      </c>
      <c r="C287" s="20" t="s">
        <v>833</v>
      </c>
      <c r="D287" s="21" t="s">
        <v>834</v>
      </c>
      <c r="E287" s="24" t="s">
        <v>835</v>
      </c>
      <c r="G287" s="50"/>
      <c r="M287" s="51"/>
    </row>
    <row r="288" spans="1:13" ht="159.9" customHeight="1" x14ac:dyDescent="0.3">
      <c r="A288" s="18" t="s">
        <v>836</v>
      </c>
      <c r="B288" s="38">
        <v>338000</v>
      </c>
      <c r="C288" s="20" t="s">
        <v>837</v>
      </c>
      <c r="D288" s="21" t="s">
        <v>838</v>
      </c>
      <c r="E288" s="25" t="s">
        <v>839</v>
      </c>
    </row>
    <row r="289" spans="1:5" ht="159.9" customHeight="1" x14ac:dyDescent="0.3">
      <c r="A289" s="18" t="s">
        <v>840</v>
      </c>
      <c r="B289" s="38">
        <v>860664</v>
      </c>
      <c r="C289" s="20" t="s">
        <v>841</v>
      </c>
      <c r="D289" s="21" t="s">
        <v>842</v>
      </c>
      <c r="E289" s="24" t="s">
        <v>843</v>
      </c>
    </row>
    <row r="290" spans="1:5" ht="159.9" customHeight="1" x14ac:dyDescent="0.3">
      <c r="A290" s="18" t="s">
        <v>844</v>
      </c>
      <c r="B290" s="38">
        <v>168000</v>
      </c>
      <c r="C290" s="20" t="s">
        <v>382</v>
      </c>
      <c r="D290" s="21" t="s">
        <v>845</v>
      </c>
      <c r="E290" s="24" t="s">
        <v>118</v>
      </c>
    </row>
    <row r="291" spans="1:5" ht="159.9" customHeight="1" x14ac:dyDescent="0.3">
      <c r="A291" s="18" t="s">
        <v>846</v>
      </c>
      <c r="B291" s="38">
        <v>180000</v>
      </c>
      <c r="C291" s="14" t="s">
        <v>847</v>
      </c>
      <c r="D291" s="21" t="s">
        <v>848</v>
      </c>
      <c r="E291" s="24" t="s">
        <v>791</v>
      </c>
    </row>
    <row r="292" spans="1:5" ht="159.9" customHeight="1" x14ac:dyDescent="0.3">
      <c r="A292" s="18" t="s">
        <v>849</v>
      </c>
      <c r="B292" s="38">
        <v>3782100</v>
      </c>
      <c r="C292" s="20" t="s">
        <v>850</v>
      </c>
      <c r="D292" s="21" t="s">
        <v>851</v>
      </c>
      <c r="E292" s="24" t="s">
        <v>852</v>
      </c>
    </row>
    <row r="293" spans="1:5" ht="159.9" customHeight="1" x14ac:dyDescent="0.3">
      <c r="A293" s="18" t="s">
        <v>853</v>
      </c>
      <c r="B293" s="38">
        <v>6146000</v>
      </c>
      <c r="C293" s="20" t="s">
        <v>854</v>
      </c>
      <c r="D293" s="21" t="s">
        <v>855</v>
      </c>
      <c r="E293" s="24" t="s">
        <v>618</v>
      </c>
    </row>
    <row r="294" spans="1:5" ht="159.9" customHeight="1" x14ac:dyDescent="0.3">
      <c r="A294" s="18" t="s">
        <v>856</v>
      </c>
      <c r="B294" s="38">
        <v>1595000</v>
      </c>
      <c r="C294" s="20" t="s">
        <v>857</v>
      </c>
      <c r="D294" s="21" t="s">
        <v>858</v>
      </c>
      <c r="E294" s="24" t="s">
        <v>859</v>
      </c>
    </row>
    <row r="295" spans="1:5" ht="159.9" customHeight="1" x14ac:dyDescent="0.3">
      <c r="A295" s="18" t="s">
        <v>860</v>
      </c>
      <c r="B295" s="38">
        <v>264600</v>
      </c>
      <c r="C295" s="20" t="s">
        <v>861</v>
      </c>
      <c r="D295" s="21" t="s">
        <v>862</v>
      </c>
      <c r="E295" s="24" t="s">
        <v>169</v>
      </c>
    </row>
    <row r="296" spans="1:5" ht="159.9" customHeight="1" x14ac:dyDescent="0.3">
      <c r="A296" s="18" t="s">
        <v>863</v>
      </c>
      <c r="B296" s="38">
        <v>769000</v>
      </c>
      <c r="C296" s="20" t="s">
        <v>864</v>
      </c>
      <c r="D296" s="21" t="s">
        <v>865</v>
      </c>
      <c r="E296" s="24" t="s">
        <v>866</v>
      </c>
    </row>
    <row r="297" spans="1:5" ht="159.9" customHeight="1" x14ac:dyDescent="0.3">
      <c r="A297" s="18" t="s">
        <v>867</v>
      </c>
      <c r="B297" s="38">
        <v>130531</v>
      </c>
      <c r="C297" s="20" t="s">
        <v>868</v>
      </c>
      <c r="D297" s="21" t="s">
        <v>869</v>
      </c>
      <c r="E297" s="24" t="s">
        <v>870</v>
      </c>
    </row>
    <row r="298" spans="1:5" ht="159.9" customHeight="1" x14ac:dyDescent="0.3">
      <c r="A298" s="18" t="s">
        <v>871</v>
      </c>
      <c r="B298" s="38">
        <v>330000</v>
      </c>
      <c r="C298" s="20" t="s">
        <v>872</v>
      </c>
      <c r="D298" s="21" t="s">
        <v>873</v>
      </c>
      <c r="E298" s="24" t="s">
        <v>874</v>
      </c>
    </row>
    <row r="299" spans="1:5" ht="159.9" customHeight="1" x14ac:dyDescent="0.3">
      <c r="A299" s="18" t="s">
        <v>875</v>
      </c>
      <c r="B299" s="38">
        <v>890000</v>
      </c>
      <c r="C299" s="20" t="s">
        <v>876</v>
      </c>
      <c r="D299" s="21" t="s">
        <v>877</v>
      </c>
      <c r="E299" s="24" t="s">
        <v>649</v>
      </c>
    </row>
    <row r="300" spans="1:5" ht="159.9" customHeight="1" x14ac:dyDescent="0.3">
      <c r="A300" s="18" t="s">
        <v>878</v>
      </c>
      <c r="B300" s="38">
        <v>972904</v>
      </c>
      <c r="C300" s="20" t="s">
        <v>879</v>
      </c>
      <c r="D300" s="21" t="s">
        <v>880</v>
      </c>
      <c r="E300" s="24" t="s">
        <v>881</v>
      </c>
    </row>
    <row r="301" spans="1:5" ht="159.9" customHeight="1" x14ac:dyDescent="0.3">
      <c r="A301" s="18" t="s">
        <v>882</v>
      </c>
      <c r="B301" s="38">
        <v>324450</v>
      </c>
      <c r="C301" s="20" t="s">
        <v>883</v>
      </c>
      <c r="D301" s="21" t="s">
        <v>884</v>
      </c>
      <c r="E301" s="24" t="s">
        <v>822</v>
      </c>
    </row>
    <row r="302" spans="1:5" ht="159.9" customHeight="1" x14ac:dyDescent="0.3">
      <c r="A302" s="18" t="s">
        <v>885</v>
      </c>
      <c r="B302" s="38">
        <v>584520</v>
      </c>
      <c r="C302" s="20" t="s">
        <v>886</v>
      </c>
      <c r="D302" s="21" t="s">
        <v>887</v>
      </c>
      <c r="E302" s="24" t="s">
        <v>888</v>
      </c>
    </row>
    <row r="303" spans="1:5" ht="159.9" customHeight="1" x14ac:dyDescent="0.3">
      <c r="A303" s="18" t="s">
        <v>889</v>
      </c>
      <c r="B303" s="38">
        <v>459888</v>
      </c>
      <c r="C303" s="20" t="s">
        <v>890</v>
      </c>
      <c r="D303" s="21" t="s">
        <v>891</v>
      </c>
      <c r="E303" s="24" t="s">
        <v>892</v>
      </c>
    </row>
    <row r="304" spans="1:5" ht="159.9" customHeight="1" x14ac:dyDescent="0.3">
      <c r="A304" s="18" t="s">
        <v>893</v>
      </c>
      <c r="B304" s="38">
        <v>5148000</v>
      </c>
      <c r="C304" s="20" t="s">
        <v>894</v>
      </c>
      <c r="D304" s="21" t="s">
        <v>895</v>
      </c>
      <c r="E304" s="24" t="s">
        <v>896</v>
      </c>
    </row>
    <row r="305" spans="1:5" ht="159.9" customHeight="1" x14ac:dyDescent="0.3">
      <c r="A305" s="18" t="s">
        <v>897</v>
      </c>
      <c r="B305" s="38">
        <v>758600</v>
      </c>
      <c r="C305" s="20" t="s">
        <v>898</v>
      </c>
      <c r="D305" s="21" t="s">
        <v>899</v>
      </c>
      <c r="E305" s="24" t="s">
        <v>900</v>
      </c>
    </row>
    <row r="306" spans="1:5" ht="159.9" customHeight="1" x14ac:dyDescent="0.3">
      <c r="A306" s="18" t="s">
        <v>901</v>
      </c>
      <c r="B306" s="38">
        <v>3000000</v>
      </c>
      <c r="C306" s="20" t="s">
        <v>902</v>
      </c>
      <c r="D306" s="21" t="s">
        <v>899</v>
      </c>
      <c r="E306" s="24" t="s">
        <v>246</v>
      </c>
    </row>
    <row r="307" spans="1:5" ht="159.9" customHeight="1" x14ac:dyDescent="0.3">
      <c r="A307" s="18" t="s">
        <v>903</v>
      </c>
      <c r="B307" s="38">
        <v>1302000</v>
      </c>
      <c r="C307" s="20" t="s">
        <v>904</v>
      </c>
      <c r="D307" s="21" t="s">
        <v>905</v>
      </c>
      <c r="E307" s="24" t="s">
        <v>906</v>
      </c>
    </row>
    <row r="308" spans="1:5" ht="159.9" customHeight="1" x14ac:dyDescent="0.3">
      <c r="A308" s="18" t="s">
        <v>907</v>
      </c>
      <c r="B308" s="38">
        <v>955000</v>
      </c>
      <c r="C308" s="20" t="s">
        <v>908</v>
      </c>
      <c r="D308" s="21" t="s">
        <v>909</v>
      </c>
      <c r="E308" s="24" t="s">
        <v>910</v>
      </c>
    </row>
    <row r="309" spans="1:5" ht="159.9" customHeight="1" x14ac:dyDescent="0.3">
      <c r="A309" s="18" t="s">
        <v>911</v>
      </c>
      <c r="B309" s="38">
        <v>5200000</v>
      </c>
      <c r="C309" s="20" t="s">
        <v>912</v>
      </c>
      <c r="D309" s="21" t="s">
        <v>913</v>
      </c>
      <c r="E309" s="24" t="s">
        <v>914</v>
      </c>
    </row>
    <row r="310" spans="1:5" ht="159.9" customHeight="1" x14ac:dyDescent="0.3">
      <c r="A310" s="18" t="s">
        <v>915</v>
      </c>
      <c r="B310" s="38">
        <v>537600</v>
      </c>
      <c r="C310" s="20" t="s">
        <v>738</v>
      </c>
      <c r="D310" s="21" t="s">
        <v>913</v>
      </c>
      <c r="E310" s="24" t="s">
        <v>608</v>
      </c>
    </row>
    <row r="311" spans="1:5" ht="159.9" customHeight="1" x14ac:dyDescent="0.3">
      <c r="A311" s="18" t="s">
        <v>916</v>
      </c>
      <c r="B311" s="38">
        <v>520000</v>
      </c>
      <c r="C311" s="20" t="s">
        <v>864</v>
      </c>
      <c r="D311" s="21" t="s">
        <v>917</v>
      </c>
      <c r="E311" s="24" t="s">
        <v>866</v>
      </c>
    </row>
    <row r="312" spans="1:5" ht="159.9" customHeight="1" x14ac:dyDescent="0.3">
      <c r="A312" s="18" t="s">
        <v>918</v>
      </c>
      <c r="B312" s="38">
        <v>945000</v>
      </c>
      <c r="C312" s="20" t="s">
        <v>919</v>
      </c>
      <c r="D312" s="21" t="s">
        <v>917</v>
      </c>
      <c r="E312" s="24" t="s">
        <v>246</v>
      </c>
    </row>
    <row r="313" spans="1:5" ht="159.9" customHeight="1" x14ac:dyDescent="0.3">
      <c r="A313" s="18" t="s">
        <v>920</v>
      </c>
      <c r="B313" s="38">
        <v>258150</v>
      </c>
      <c r="C313" s="24" t="s">
        <v>921</v>
      </c>
      <c r="D313" s="21" t="s">
        <v>917</v>
      </c>
      <c r="E313" s="24" t="s">
        <v>922</v>
      </c>
    </row>
    <row r="314" spans="1:5" ht="159.9" customHeight="1" x14ac:dyDescent="0.3">
      <c r="A314" s="18" t="s">
        <v>923</v>
      </c>
      <c r="B314" s="38">
        <v>595000</v>
      </c>
      <c r="C314" s="20" t="s">
        <v>924</v>
      </c>
      <c r="D314" s="21" t="s">
        <v>925</v>
      </c>
      <c r="E314" s="24" t="s">
        <v>246</v>
      </c>
    </row>
    <row r="315" spans="1:5" ht="159.9" customHeight="1" x14ac:dyDescent="0.3">
      <c r="A315" s="18" t="s">
        <v>926</v>
      </c>
      <c r="B315" s="38">
        <v>1655136</v>
      </c>
      <c r="C315" s="20" t="s">
        <v>673</v>
      </c>
      <c r="D315" s="21" t="s">
        <v>927</v>
      </c>
      <c r="E315" s="24" t="s">
        <v>928</v>
      </c>
    </row>
    <row r="316" spans="1:5" ht="159.9" customHeight="1" x14ac:dyDescent="0.3">
      <c r="A316" s="18" t="s">
        <v>929</v>
      </c>
      <c r="B316" s="38">
        <v>3827220</v>
      </c>
      <c r="C316" s="24" t="s">
        <v>850</v>
      </c>
      <c r="D316" s="21" t="s">
        <v>927</v>
      </c>
      <c r="E316" s="24" t="s">
        <v>930</v>
      </c>
    </row>
    <row r="317" spans="1:5" ht="159.9" customHeight="1" x14ac:dyDescent="0.3">
      <c r="A317" s="18" t="s">
        <v>931</v>
      </c>
      <c r="B317" s="38">
        <v>686000</v>
      </c>
      <c r="C317" s="20" t="s">
        <v>716</v>
      </c>
      <c r="D317" s="21" t="s">
        <v>932</v>
      </c>
      <c r="E317" s="24" t="s">
        <v>270</v>
      </c>
    </row>
    <row r="318" spans="1:5" ht="159.9" customHeight="1" x14ac:dyDescent="0.3">
      <c r="A318" s="18" t="s">
        <v>933</v>
      </c>
      <c r="B318" s="38">
        <v>168000</v>
      </c>
      <c r="C318" s="24" t="s">
        <v>934</v>
      </c>
      <c r="D318" s="21" t="s">
        <v>935</v>
      </c>
      <c r="E318" s="24" t="s">
        <v>118</v>
      </c>
    </row>
    <row r="319" spans="1:5" ht="159.9" customHeight="1" x14ac:dyDescent="0.3">
      <c r="A319" s="18" t="s">
        <v>936</v>
      </c>
      <c r="B319" s="38">
        <v>250000</v>
      </c>
      <c r="C319" s="20" t="s">
        <v>673</v>
      </c>
      <c r="D319" s="21" t="s">
        <v>937</v>
      </c>
      <c r="E319" s="24" t="s">
        <v>938</v>
      </c>
    </row>
    <row r="320" spans="1:5" ht="159.9" customHeight="1" x14ac:dyDescent="0.3">
      <c r="A320" s="18" t="s">
        <v>939</v>
      </c>
      <c r="B320" s="38">
        <v>382000</v>
      </c>
      <c r="C320" s="24" t="s">
        <v>940</v>
      </c>
      <c r="D320" s="21" t="s">
        <v>941</v>
      </c>
      <c r="E320" s="24" t="s">
        <v>942</v>
      </c>
    </row>
    <row r="321" spans="1:5" ht="159.9" customHeight="1" x14ac:dyDescent="0.3">
      <c r="A321" s="18" t="s">
        <v>943</v>
      </c>
      <c r="B321" s="38">
        <v>157440</v>
      </c>
      <c r="C321" s="20" t="s">
        <v>944</v>
      </c>
      <c r="D321" s="21" t="s">
        <v>945</v>
      </c>
      <c r="E321" s="24" t="s">
        <v>946</v>
      </c>
    </row>
    <row r="322" spans="1:5" ht="159.9" customHeight="1" x14ac:dyDescent="0.3">
      <c r="A322" s="18" t="s">
        <v>947</v>
      </c>
      <c r="B322" s="38">
        <v>930000</v>
      </c>
      <c r="C322" s="20" t="s">
        <v>948</v>
      </c>
      <c r="D322" s="21" t="s">
        <v>949</v>
      </c>
      <c r="E322" s="24" t="s">
        <v>246</v>
      </c>
    </row>
    <row r="323" spans="1:5" ht="159.9" customHeight="1" x14ac:dyDescent="0.3">
      <c r="A323" s="18" t="s">
        <v>950</v>
      </c>
      <c r="B323" s="38">
        <v>880000</v>
      </c>
      <c r="C323" s="24" t="s">
        <v>951</v>
      </c>
      <c r="D323" s="21" t="s">
        <v>952</v>
      </c>
      <c r="E323" s="24" t="s">
        <v>826</v>
      </c>
    </row>
    <row r="324" spans="1:5" ht="159.9" customHeight="1" x14ac:dyDescent="0.3">
      <c r="A324" s="18" t="s">
        <v>953</v>
      </c>
      <c r="B324" s="38">
        <v>830000</v>
      </c>
      <c r="C324" s="20" t="s">
        <v>954</v>
      </c>
      <c r="D324" s="21" t="s">
        <v>952</v>
      </c>
      <c r="E324" s="24" t="s">
        <v>900</v>
      </c>
    </row>
    <row r="325" spans="1:5" ht="159.9" customHeight="1" x14ac:dyDescent="0.3">
      <c r="A325" s="18" t="s">
        <v>955</v>
      </c>
      <c r="B325" s="38">
        <v>590000</v>
      </c>
      <c r="C325" s="24" t="s">
        <v>956</v>
      </c>
      <c r="D325" s="21" t="s">
        <v>957</v>
      </c>
      <c r="E325" s="24" t="s">
        <v>958</v>
      </c>
    </row>
    <row r="326" spans="1:5" ht="159.9" customHeight="1" x14ac:dyDescent="0.3">
      <c r="A326" s="18" t="s">
        <v>959</v>
      </c>
      <c r="B326" s="38">
        <v>930000</v>
      </c>
      <c r="C326" s="20" t="s">
        <v>960</v>
      </c>
      <c r="D326" s="21" t="s">
        <v>961</v>
      </c>
      <c r="E326" s="24" t="s">
        <v>801</v>
      </c>
    </row>
    <row r="327" spans="1:5" ht="159.9" customHeight="1" x14ac:dyDescent="0.3">
      <c r="A327" s="18" t="s">
        <v>962</v>
      </c>
      <c r="B327" s="38">
        <v>860000</v>
      </c>
      <c r="C327" s="20" t="s">
        <v>963</v>
      </c>
      <c r="D327" s="21" t="s">
        <v>964</v>
      </c>
      <c r="E327" s="24" t="s">
        <v>649</v>
      </c>
    </row>
    <row r="328" spans="1:5" ht="159.9" customHeight="1" x14ac:dyDescent="0.3">
      <c r="A328" s="18" t="s">
        <v>965</v>
      </c>
      <c r="B328" s="38">
        <v>1150000</v>
      </c>
      <c r="C328" s="24" t="s">
        <v>966</v>
      </c>
      <c r="D328" s="21" t="s">
        <v>967</v>
      </c>
      <c r="E328" s="24" t="s">
        <v>246</v>
      </c>
    </row>
    <row r="329" spans="1:5" ht="159.9" customHeight="1" x14ac:dyDescent="0.3">
      <c r="A329" s="18" t="s">
        <v>968</v>
      </c>
      <c r="B329" s="38">
        <v>445716</v>
      </c>
      <c r="C329" s="24" t="s">
        <v>969</v>
      </c>
      <c r="D329" s="21" t="s">
        <v>970</v>
      </c>
      <c r="E329" s="24" t="s">
        <v>971</v>
      </c>
    </row>
    <row r="330" spans="1:5" ht="159.9" customHeight="1" x14ac:dyDescent="0.3">
      <c r="A330" s="18" t="s">
        <v>972</v>
      </c>
      <c r="B330" s="38">
        <v>2690000</v>
      </c>
      <c r="C330" s="24" t="s">
        <v>973</v>
      </c>
      <c r="D330" s="21" t="s">
        <v>974</v>
      </c>
      <c r="E330" s="24" t="s">
        <v>246</v>
      </c>
    </row>
    <row r="331" spans="1:5" ht="159.9" customHeight="1" x14ac:dyDescent="0.3">
      <c r="A331" s="18" t="s">
        <v>975</v>
      </c>
      <c r="B331" s="38">
        <v>5585000</v>
      </c>
      <c r="C331" s="24" t="s">
        <v>976</v>
      </c>
      <c r="D331" s="21" t="s">
        <v>977</v>
      </c>
      <c r="E331" s="24" t="s">
        <v>246</v>
      </c>
    </row>
    <row r="332" spans="1:5" ht="159.9" customHeight="1" x14ac:dyDescent="0.3">
      <c r="A332" s="18" t="s">
        <v>978</v>
      </c>
      <c r="B332" s="38">
        <v>1240000</v>
      </c>
      <c r="C332" s="24" t="s">
        <v>979</v>
      </c>
      <c r="D332" s="21" t="s">
        <v>980</v>
      </c>
      <c r="E332" s="24" t="s">
        <v>252</v>
      </c>
    </row>
    <row r="333" spans="1:5" ht="159.9" customHeight="1" x14ac:dyDescent="0.3">
      <c r="A333" s="18" t="s">
        <v>981</v>
      </c>
      <c r="B333" s="38">
        <v>975000</v>
      </c>
      <c r="C333" s="24" t="s">
        <v>982</v>
      </c>
      <c r="D333" s="21" t="s">
        <v>983</v>
      </c>
      <c r="E333" s="24" t="s">
        <v>246</v>
      </c>
    </row>
    <row r="334" spans="1:5" ht="159.9" customHeight="1" x14ac:dyDescent="0.3">
      <c r="A334" s="18" t="s">
        <v>984</v>
      </c>
      <c r="B334" s="38">
        <v>970000</v>
      </c>
      <c r="C334" s="24" t="s">
        <v>985</v>
      </c>
      <c r="D334" s="21" t="s">
        <v>986</v>
      </c>
      <c r="E334" s="24" t="s">
        <v>246</v>
      </c>
    </row>
    <row r="335" spans="1:5" ht="159.9" customHeight="1" x14ac:dyDescent="0.3">
      <c r="A335" s="18" t="s">
        <v>987</v>
      </c>
      <c r="B335" s="38">
        <v>998800</v>
      </c>
      <c r="C335" s="20" t="s">
        <v>988</v>
      </c>
      <c r="D335" s="21" t="s">
        <v>989</v>
      </c>
      <c r="E335" s="24" t="s">
        <v>990</v>
      </c>
    </row>
    <row r="336" spans="1:5" ht="159.9" customHeight="1" x14ac:dyDescent="0.3">
      <c r="A336" s="18" t="s">
        <v>991</v>
      </c>
      <c r="B336" s="38">
        <v>465120</v>
      </c>
      <c r="C336" s="20" t="s">
        <v>738</v>
      </c>
      <c r="D336" s="21" t="s">
        <v>992</v>
      </c>
      <c r="E336" s="24" t="s">
        <v>993</v>
      </c>
    </row>
    <row r="337" spans="1:5" ht="159.9" customHeight="1" x14ac:dyDescent="0.3">
      <c r="A337" s="18" t="s">
        <v>994</v>
      </c>
      <c r="B337" s="38">
        <v>770000</v>
      </c>
      <c r="C337" s="20" t="s">
        <v>995</v>
      </c>
      <c r="D337" s="21" t="s">
        <v>996</v>
      </c>
      <c r="E337" s="24" t="s">
        <v>826</v>
      </c>
    </row>
    <row r="338" spans="1:5" ht="159.9" customHeight="1" x14ac:dyDescent="0.3">
      <c r="A338" s="54" t="s">
        <v>997</v>
      </c>
      <c r="B338" s="28">
        <v>175000</v>
      </c>
      <c r="C338" s="55" t="s">
        <v>998</v>
      </c>
      <c r="D338" s="56" t="s">
        <v>999</v>
      </c>
      <c r="E338" s="24" t="s">
        <v>118</v>
      </c>
    </row>
    <row r="339" spans="1:5" ht="159.9" customHeight="1" x14ac:dyDescent="0.3">
      <c r="A339" s="54" t="s">
        <v>1000</v>
      </c>
      <c r="B339" s="28">
        <v>220000</v>
      </c>
      <c r="C339" s="24" t="s">
        <v>1001</v>
      </c>
      <c r="D339" s="56" t="s">
        <v>1002</v>
      </c>
      <c r="E339" s="24" t="s">
        <v>1003</v>
      </c>
    </row>
    <row r="340" spans="1:5" ht="159.9" customHeight="1" x14ac:dyDescent="0.3">
      <c r="A340" s="54" t="s">
        <v>1004</v>
      </c>
      <c r="B340" s="28">
        <v>658000</v>
      </c>
      <c r="C340" s="24" t="s">
        <v>1005</v>
      </c>
      <c r="D340" s="26" t="s">
        <v>1006</v>
      </c>
      <c r="E340" s="24" t="s">
        <v>119</v>
      </c>
    </row>
    <row r="341" spans="1:5" ht="159.9" customHeight="1" x14ac:dyDescent="0.3">
      <c r="A341" s="54" t="s">
        <v>1007</v>
      </c>
      <c r="B341" s="28">
        <v>950000</v>
      </c>
      <c r="C341" s="24" t="s">
        <v>1008</v>
      </c>
      <c r="D341" s="56" t="s">
        <v>1009</v>
      </c>
      <c r="E341" s="24" t="s">
        <v>1010</v>
      </c>
    </row>
    <row r="342" spans="1:5" ht="159.9" customHeight="1" x14ac:dyDescent="0.3">
      <c r="A342" s="54" t="s">
        <v>1011</v>
      </c>
      <c r="B342" s="28">
        <v>175870</v>
      </c>
      <c r="C342" s="55" t="s">
        <v>1012</v>
      </c>
      <c r="D342" s="56" t="s">
        <v>1013</v>
      </c>
      <c r="E342" s="24" t="s">
        <v>246</v>
      </c>
    </row>
    <row r="343" spans="1:5" ht="159.9" customHeight="1" x14ac:dyDescent="0.3">
      <c r="A343" s="54" t="s">
        <v>1014</v>
      </c>
      <c r="B343" s="28">
        <v>2953000</v>
      </c>
      <c r="C343" s="55" t="s">
        <v>1015</v>
      </c>
      <c r="D343" s="56" t="s">
        <v>1016</v>
      </c>
      <c r="E343" s="24" t="s">
        <v>1010</v>
      </c>
    </row>
    <row r="344" spans="1:5" ht="159.9" customHeight="1" x14ac:dyDescent="0.3">
      <c r="A344" s="54" t="s">
        <v>1017</v>
      </c>
      <c r="B344" s="28">
        <v>600000</v>
      </c>
      <c r="C344" s="55" t="s">
        <v>1018</v>
      </c>
      <c r="D344" s="56" t="s">
        <v>1019</v>
      </c>
      <c r="E344" s="24" t="s">
        <v>246</v>
      </c>
    </row>
    <row r="345" spans="1:5" ht="159.9" customHeight="1" x14ac:dyDescent="0.3">
      <c r="A345" s="54" t="s">
        <v>1020</v>
      </c>
      <c r="B345" s="28">
        <v>480320</v>
      </c>
      <c r="C345" s="55" t="s">
        <v>1021</v>
      </c>
      <c r="D345" s="56" t="s">
        <v>1022</v>
      </c>
      <c r="E345" s="57" t="s">
        <v>148</v>
      </c>
    </row>
    <row r="346" spans="1:5" ht="159.9" customHeight="1" x14ac:dyDescent="0.3">
      <c r="A346" s="54" t="s">
        <v>1023</v>
      </c>
      <c r="B346" s="28">
        <v>560000</v>
      </c>
      <c r="C346" s="55" t="s">
        <v>1024</v>
      </c>
      <c r="D346" s="56" t="s">
        <v>1025</v>
      </c>
      <c r="E346" s="24" t="s">
        <v>246</v>
      </c>
    </row>
    <row r="347" spans="1:5" ht="159.9" customHeight="1" x14ac:dyDescent="0.3">
      <c r="A347" s="54" t="s">
        <v>1026</v>
      </c>
      <c r="B347" s="28">
        <v>905000</v>
      </c>
      <c r="C347" s="55" t="s">
        <v>1027</v>
      </c>
      <c r="D347" s="56" t="s">
        <v>1028</v>
      </c>
      <c r="E347" s="24" t="s">
        <v>1029</v>
      </c>
    </row>
    <row r="348" spans="1:5" ht="159.9" customHeight="1" x14ac:dyDescent="0.3">
      <c r="A348" s="54" t="s">
        <v>1030</v>
      </c>
      <c r="B348" s="28">
        <v>970000</v>
      </c>
      <c r="C348" s="55" t="s">
        <v>1031</v>
      </c>
      <c r="D348" s="56" t="s">
        <v>1032</v>
      </c>
      <c r="E348" s="24" t="s">
        <v>910</v>
      </c>
    </row>
    <row r="349" spans="1:5" ht="159.9" customHeight="1" x14ac:dyDescent="0.3">
      <c r="A349" s="54" t="s">
        <v>1033</v>
      </c>
      <c r="B349" s="28">
        <v>980000</v>
      </c>
      <c r="C349" s="24" t="s">
        <v>1034</v>
      </c>
      <c r="D349" s="26" t="s">
        <v>1035</v>
      </c>
      <c r="E349" s="24" t="s">
        <v>1036</v>
      </c>
    </row>
    <row r="350" spans="1:5" ht="159.9" customHeight="1" x14ac:dyDescent="0.3">
      <c r="A350" s="54" t="s">
        <v>1037</v>
      </c>
      <c r="B350" s="28">
        <v>4820000</v>
      </c>
      <c r="C350" s="55" t="s">
        <v>1038</v>
      </c>
      <c r="D350" s="56" t="s">
        <v>1039</v>
      </c>
      <c r="E350" s="24" t="s">
        <v>1040</v>
      </c>
    </row>
    <row r="351" spans="1:5" ht="159.9" customHeight="1" x14ac:dyDescent="0.3">
      <c r="A351" s="54" t="s">
        <v>1041</v>
      </c>
      <c r="B351" s="28">
        <v>414040</v>
      </c>
      <c r="C351" s="55" t="s">
        <v>738</v>
      </c>
      <c r="D351" s="56" t="s">
        <v>1042</v>
      </c>
      <c r="E351" s="24" t="s">
        <v>1043</v>
      </c>
    </row>
    <row r="352" spans="1:5" ht="159.9" customHeight="1" x14ac:dyDescent="0.3">
      <c r="A352" s="21">
        <v>9607</v>
      </c>
      <c r="B352" s="28">
        <v>940000</v>
      </c>
      <c r="C352" s="24" t="s">
        <v>1044</v>
      </c>
      <c r="D352" s="56" t="s">
        <v>1045</v>
      </c>
      <c r="E352" s="24" t="s">
        <v>252</v>
      </c>
    </row>
    <row r="353" spans="1:5" ht="159.9" customHeight="1" x14ac:dyDescent="0.3">
      <c r="A353" s="54" t="s">
        <v>1046</v>
      </c>
      <c r="B353" s="28">
        <v>520000</v>
      </c>
      <c r="C353" s="55" t="s">
        <v>1047</v>
      </c>
      <c r="D353" s="56" t="s">
        <v>1048</v>
      </c>
      <c r="E353" s="24" t="s">
        <v>910</v>
      </c>
    </row>
    <row r="354" spans="1:5" ht="159.9" customHeight="1" x14ac:dyDescent="0.3">
      <c r="A354" s="54" t="s">
        <v>1049</v>
      </c>
      <c r="B354" s="28">
        <v>2250000</v>
      </c>
      <c r="C354" s="55" t="s">
        <v>1050</v>
      </c>
      <c r="D354" s="56" t="s">
        <v>1051</v>
      </c>
      <c r="E354" s="24" t="s">
        <v>252</v>
      </c>
    </row>
    <row r="355" spans="1:5" ht="159.9" customHeight="1" x14ac:dyDescent="0.3">
      <c r="A355" s="54" t="s">
        <v>1052</v>
      </c>
      <c r="B355" s="28">
        <v>900000</v>
      </c>
      <c r="C355" s="55" t="s">
        <v>1053</v>
      </c>
      <c r="D355" s="56" t="s">
        <v>1054</v>
      </c>
      <c r="E355" s="57" t="s">
        <v>148</v>
      </c>
    </row>
    <row r="356" spans="1:5" ht="159.9" customHeight="1" x14ac:dyDescent="0.3">
      <c r="A356" s="54" t="s">
        <v>1055</v>
      </c>
      <c r="B356" s="28">
        <v>600000</v>
      </c>
      <c r="C356" s="55" t="s">
        <v>1056</v>
      </c>
      <c r="D356" s="56" t="s">
        <v>1057</v>
      </c>
      <c r="E356" s="24" t="s">
        <v>1058</v>
      </c>
    </row>
    <row r="357" spans="1:5" ht="159.9" customHeight="1" x14ac:dyDescent="0.3">
      <c r="A357" s="54" t="s">
        <v>1059</v>
      </c>
      <c r="B357" s="28">
        <v>940000</v>
      </c>
      <c r="C357" s="55" t="s">
        <v>1060</v>
      </c>
      <c r="D357" s="56" t="s">
        <v>1061</v>
      </c>
      <c r="E357" s="24" t="s">
        <v>826</v>
      </c>
    </row>
    <row r="358" spans="1:5" ht="159.9" customHeight="1" x14ac:dyDescent="0.3">
      <c r="A358" s="54" t="s">
        <v>1062</v>
      </c>
      <c r="B358" s="28">
        <v>390000</v>
      </c>
      <c r="C358" s="24" t="s">
        <v>1063</v>
      </c>
      <c r="D358" s="56" t="s">
        <v>1064</v>
      </c>
      <c r="E358" s="57" t="s">
        <v>1065</v>
      </c>
    </row>
    <row r="359" spans="1:5" ht="159.9" customHeight="1" x14ac:dyDescent="0.3">
      <c r="A359" s="18" t="s">
        <v>1066</v>
      </c>
      <c r="B359" s="38">
        <v>728429</v>
      </c>
      <c r="C359" s="20" t="s">
        <v>573</v>
      </c>
      <c r="D359" s="56" t="s">
        <v>1067</v>
      </c>
      <c r="E359" s="24" t="s">
        <v>1068</v>
      </c>
    </row>
    <row r="360" spans="1:5" ht="159.9" customHeight="1" x14ac:dyDescent="0.3">
      <c r="A360" s="54" t="s">
        <v>1069</v>
      </c>
      <c r="B360" s="28">
        <v>800000</v>
      </c>
      <c r="C360" s="24" t="s">
        <v>1070</v>
      </c>
      <c r="D360" s="56" t="s">
        <v>1071</v>
      </c>
      <c r="E360" s="24" t="s">
        <v>971</v>
      </c>
    </row>
    <row r="361" spans="1:5" ht="159.9" customHeight="1" x14ac:dyDescent="0.3">
      <c r="A361" s="54" t="s">
        <v>1072</v>
      </c>
      <c r="B361" s="28">
        <v>472000</v>
      </c>
      <c r="C361" s="24" t="s">
        <v>1073</v>
      </c>
      <c r="D361" s="56" t="s">
        <v>1074</v>
      </c>
      <c r="E361" s="57" t="s">
        <v>1065</v>
      </c>
    </row>
    <row r="362" spans="1:5" ht="159.9" customHeight="1" x14ac:dyDescent="0.3">
      <c r="A362" s="54" t="s">
        <v>1075</v>
      </c>
      <c r="B362" s="28">
        <v>800000</v>
      </c>
      <c r="C362" s="55" t="s">
        <v>1076</v>
      </c>
      <c r="D362" s="56" t="s">
        <v>1077</v>
      </c>
      <c r="E362" s="24" t="s">
        <v>826</v>
      </c>
    </row>
    <row r="363" spans="1:5" ht="159.9" customHeight="1" x14ac:dyDescent="0.3">
      <c r="A363" s="54" t="s">
        <v>1078</v>
      </c>
      <c r="B363" s="28">
        <v>672210</v>
      </c>
      <c r="C363" s="24" t="s">
        <v>1079</v>
      </c>
      <c r="D363" s="56" t="s">
        <v>1080</v>
      </c>
      <c r="E363" s="24" t="s">
        <v>252</v>
      </c>
    </row>
    <row r="364" spans="1:5" ht="159.9" customHeight="1" x14ac:dyDescent="0.3">
      <c r="A364" s="21">
        <v>950804</v>
      </c>
      <c r="B364" s="28">
        <v>147265</v>
      </c>
      <c r="C364" s="24" t="s">
        <v>1081</v>
      </c>
      <c r="D364" s="56" t="s">
        <v>1082</v>
      </c>
      <c r="E364" s="24" t="s">
        <v>1083</v>
      </c>
    </row>
    <row r="365" spans="1:5" ht="159.9" customHeight="1" x14ac:dyDescent="0.3">
      <c r="A365" s="54" t="s">
        <v>1084</v>
      </c>
      <c r="B365" s="28">
        <v>740000</v>
      </c>
      <c r="C365" s="24" t="s">
        <v>1085</v>
      </c>
      <c r="D365" s="26" t="s">
        <v>1086</v>
      </c>
      <c r="E365" s="24" t="s">
        <v>1010</v>
      </c>
    </row>
    <row r="366" spans="1:5" ht="159.9" customHeight="1" x14ac:dyDescent="0.3">
      <c r="A366" s="54" t="s">
        <v>1087</v>
      </c>
      <c r="B366" s="28">
        <v>450000</v>
      </c>
      <c r="C366" s="24" t="s">
        <v>1088</v>
      </c>
      <c r="D366" s="26" t="s">
        <v>1089</v>
      </c>
      <c r="E366" s="24" t="s">
        <v>826</v>
      </c>
    </row>
    <row r="367" spans="1:5" ht="159.9" customHeight="1" x14ac:dyDescent="0.3">
      <c r="A367" s="54" t="s">
        <v>1090</v>
      </c>
      <c r="B367" s="28">
        <v>860000</v>
      </c>
      <c r="C367" s="7" t="s">
        <v>1091</v>
      </c>
      <c r="D367" s="26" t="s">
        <v>1092</v>
      </c>
      <c r="E367" s="24" t="s">
        <v>246</v>
      </c>
    </row>
    <row r="368" spans="1:5" ht="159.9" customHeight="1" x14ac:dyDescent="0.3">
      <c r="A368" s="54" t="s">
        <v>1093</v>
      </c>
      <c r="B368" s="28">
        <v>791419</v>
      </c>
      <c r="C368" s="24" t="s">
        <v>1094</v>
      </c>
      <c r="D368" s="26" t="s">
        <v>1095</v>
      </c>
      <c r="E368" s="24" t="s">
        <v>246</v>
      </c>
    </row>
    <row r="369" spans="1:5" ht="159.9" customHeight="1" x14ac:dyDescent="0.3">
      <c r="A369" s="54" t="s">
        <v>1096</v>
      </c>
      <c r="B369" s="28">
        <v>418665</v>
      </c>
      <c r="C369" s="24" t="s">
        <v>1097</v>
      </c>
      <c r="D369" s="26" t="s">
        <v>1098</v>
      </c>
      <c r="E369" s="24" t="s">
        <v>1099</v>
      </c>
    </row>
    <row r="370" spans="1:5" ht="159.9" customHeight="1" x14ac:dyDescent="0.3">
      <c r="A370" s="54" t="s">
        <v>1100</v>
      </c>
      <c r="B370" s="28">
        <v>900000</v>
      </c>
      <c r="C370" s="24" t="s">
        <v>1101</v>
      </c>
      <c r="D370" s="26" t="s">
        <v>1102</v>
      </c>
      <c r="E370" s="24" t="s">
        <v>246</v>
      </c>
    </row>
    <row r="371" spans="1:5" ht="159.9" customHeight="1" x14ac:dyDescent="0.3">
      <c r="A371" s="54" t="s">
        <v>1103</v>
      </c>
      <c r="B371" s="28">
        <v>490000</v>
      </c>
      <c r="C371" s="24" t="s">
        <v>1104</v>
      </c>
      <c r="D371" s="26" t="s">
        <v>1105</v>
      </c>
      <c r="E371" s="24" t="s">
        <v>1083</v>
      </c>
    </row>
    <row r="372" spans="1:5" ht="159.9" customHeight="1" x14ac:dyDescent="0.3">
      <c r="A372" s="54" t="s">
        <v>1106</v>
      </c>
      <c r="B372" s="28">
        <v>780000</v>
      </c>
      <c r="C372" s="24" t="s">
        <v>1107</v>
      </c>
      <c r="D372" s="26" t="s">
        <v>1108</v>
      </c>
      <c r="E372" s="24" t="s">
        <v>910</v>
      </c>
    </row>
    <row r="373" spans="1:5" ht="159.9" customHeight="1" x14ac:dyDescent="0.3">
      <c r="A373" s="54" t="s">
        <v>1109</v>
      </c>
      <c r="B373" s="28">
        <v>710000</v>
      </c>
      <c r="C373" s="24" t="s">
        <v>1110</v>
      </c>
      <c r="D373" s="26" t="s">
        <v>1111</v>
      </c>
      <c r="E373" s="24" t="s">
        <v>246</v>
      </c>
    </row>
    <row r="374" spans="1:5" ht="159.9" customHeight="1" x14ac:dyDescent="0.3">
      <c r="A374" s="54" t="s">
        <v>1112</v>
      </c>
      <c r="B374" s="28">
        <v>534329</v>
      </c>
      <c r="C374" s="24" t="s">
        <v>738</v>
      </c>
      <c r="D374" s="26" t="s">
        <v>1113</v>
      </c>
      <c r="E374" s="24" t="s">
        <v>993</v>
      </c>
    </row>
    <row r="375" spans="1:5" ht="159.9" customHeight="1" x14ac:dyDescent="0.3">
      <c r="A375" s="54" t="s">
        <v>1114</v>
      </c>
      <c r="B375" s="28">
        <v>850000</v>
      </c>
      <c r="C375" s="24" t="s">
        <v>1115</v>
      </c>
      <c r="D375" s="26" t="s">
        <v>1116</v>
      </c>
      <c r="E375" s="24" t="s">
        <v>246</v>
      </c>
    </row>
    <row r="376" spans="1:5" ht="159.9" customHeight="1" x14ac:dyDescent="0.3">
      <c r="A376" s="54" t="s">
        <v>1117</v>
      </c>
      <c r="B376" s="28">
        <v>757900</v>
      </c>
      <c r="C376" s="24" t="s">
        <v>1118</v>
      </c>
      <c r="D376" s="26" t="s">
        <v>1119</v>
      </c>
      <c r="E376" s="24" t="s">
        <v>1120</v>
      </c>
    </row>
    <row r="377" spans="1:5" ht="159.9" customHeight="1" x14ac:dyDescent="0.3">
      <c r="A377" s="54" t="s">
        <v>1121</v>
      </c>
      <c r="B377" s="28">
        <v>590000</v>
      </c>
      <c r="C377" s="24" t="s">
        <v>1122</v>
      </c>
      <c r="D377" s="26" t="s">
        <v>1123</v>
      </c>
      <c r="E377" s="24" t="s">
        <v>118</v>
      </c>
    </row>
    <row r="378" spans="1:5" ht="159.9" customHeight="1" x14ac:dyDescent="0.3">
      <c r="A378" s="54" t="s">
        <v>1124</v>
      </c>
      <c r="B378" s="28">
        <v>1611000</v>
      </c>
      <c r="C378" s="55" t="s">
        <v>1125</v>
      </c>
      <c r="D378" s="26" t="s">
        <v>1126</v>
      </c>
      <c r="E378" s="55" t="s">
        <v>1127</v>
      </c>
    </row>
    <row r="379" spans="1:5" ht="159.9" customHeight="1" x14ac:dyDescent="0.3">
      <c r="A379" s="54" t="s">
        <v>1128</v>
      </c>
      <c r="B379" s="28">
        <v>595752</v>
      </c>
      <c r="C379" s="24" t="s">
        <v>1129</v>
      </c>
      <c r="D379" s="26" t="s">
        <v>1130</v>
      </c>
      <c r="E379" s="24" t="s">
        <v>1131</v>
      </c>
    </row>
    <row r="380" spans="1:5" ht="159.9" customHeight="1" x14ac:dyDescent="0.3">
      <c r="A380" s="54" t="s">
        <v>1132</v>
      </c>
      <c r="B380" s="28">
        <v>1059900</v>
      </c>
      <c r="C380" s="24" t="s">
        <v>1133</v>
      </c>
      <c r="D380" s="26" t="s">
        <v>1130</v>
      </c>
      <c r="E380" s="24" t="s">
        <v>971</v>
      </c>
    </row>
    <row r="381" spans="1:5" ht="159.9" customHeight="1" x14ac:dyDescent="0.3">
      <c r="A381" s="54" t="s">
        <v>1134</v>
      </c>
      <c r="B381" s="28">
        <v>4100000</v>
      </c>
      <c r="C381" s="24" t="s">
        <v>1135</v>
      </c>
      <c r="D381" s="26" t="s">
        <v>1136</v>
      </c>
      <c r="E381" s="24" t="s">
        <v>1137</v>
      </c>
    </row>
    <row r="382" spans="1:5" ht="159.9" customHeight="1" x14ac:dyDescent="0.3">
      <c r="A382" s="54" t="s">
        <v>1138</v>
      </c>
      <c r="B382" s="28">
        <v>470000</v>
      </c>
      <c r="C382" s="24" t="s">
        <v>1139</v>
      </c>
      <c r="D382" s="26" t="s">
        <v>1136</v>
      </c>
      <c r="E382" s="24" t="s">
        <v>246</v>
      </c>
    </row>
    <row r="383" spans="1:5" ht="159.9" customHeight="1" x14ac:dyDescent="0.3">
      <c r="A383" s="54" t="s">
        <v>1140</v>
      </c>
      <c r="B383" s="28">
        <v>950000</v>
      </c>
      <c r="C383" s="24" t="s">
        <v>1141</v>
      </c>
      <c r="D383" s="26" t="s">
        <v>1142</v>
      </c>
      <c r="E383" s="24" t="s">
        <v>826</v>
      </c>
    </row>
    <row r="384" spans="1:5" ht="159.9" customHeight="1" x14ac:dyDescent="0.3">
      <c r="A384" s="54" t="s">
        <v>1143</v>
      </c>
      <c r="B384" s="28">
        <v>800000</v>
      </c>
      <c r="C384" s="24" t="s">
        <v>1144</v>
      </c>
      <c r="D384" s="26" t="s">
        <v>1145</v>
      </c>
      <c r="E384" s="24" t="s">
        <v>1137</v>
      </c>
    </row>
    <row r="385" spans="1:5" ht="159.9" customHeight="1" x14ac:dyDescent="0.3">
      <c r="A385" s="54" t="s">
        <v>1146</v>
      </c>
      <c r="B385" s="28">
        <v>2800000</v>
      </c>
      <c r="C385" s="24" t="s">
        <v>1147</v>
      </c>
      <c r="D385" s="26" t="s">
        <v>1148</v>
      </c>
      <c r="E385" s="24" t="s">
        <v>1149</v>
      </c>
    </row>
    <row r="386" spans="1:5" ht="159.9" customHeight="1" x14ac:dyDescent="0.3">
      <c r="A386" s="54" t="s">
        <v>1150</v>
      </c>
      <c r="B386" s="28">
        <v>1625400</v>
      </c>
      <c r="C386" s="55" t="s">
        <v>1151</v>
      </c>
      <c r="D386" s="26" t="s">
        <v>1152</v>
      </c>
      <c r="E386" s="24" t="s">
        <v>930</v>
      </c>
    </row>
    <row r="387" spans="1:5" ht="48.6" x14ac:dyDescent="0.3">
      <c r="A387" s="54" t="s">
        <v>1153</v>
      </c>
      <c r="B387" s="28">
        <v>3500000</v>
      </c>
      <c r="C387" s="24" t="s">
        <v>1154</v>
      </c>
      <c r="D387" s="26" t="s">
        <v>1152</v>
      </c>
      <c r="E387" s="24" t="s">
        <v>826</v>
      </c>
    </row>
    <row r="388" spans="1:5" ht="48.6" x14ac:dyDescent="0.3">
      <c r="A388" s="58" t="s">
        <v>1155</v>
      </c>
      <c r="B388" s="59">
        <v>2125000</v>
      </c>
      <c r="C388" s="60" t="s">
        <v>1156</v>
      </c>
      <c r="D388" s="61" t="s">
        <v>1157</v>
      </c>
      <c r="E388" s="7" t="s">
        <v>1158</v>
      </c>
    </row>
  </sheetData>
  <sortState ref="A2:E360">
    <sortCondition descending="1" ref="D2:D360"/>
  </sortState>
  <phoneticPr fontId="9" type="noConversion"/>
  <hyperlinks>
    <hyperlink ref="C338" r:id="rId1"/>
    <hyperlink ref="C342" r:id="rId2"/>
    <hyperlink ref="C343" r:id="rId3"/>
    <hyperlink ref="C344" r:id="rId4"/>
    <hyperlink ref="C345" r:id="rId5"/>
    <hyperlink ref="C346" r:id="rId6"/>
    <hyperlink ref="C347" r:id="rId7"/>
    <hyperlink ref="C348" r:id="rId8"/>
    <hyperlink ref="C350" r:id="rId9"/>
    <hyperlink ref="C351" r:id="rId10"/>
    <hyperlink ref="C353" r:id="rId11"/>
    <hyperlink ref="C354" r:id="rId12"/>
    <hyperlink ref="C355" r:id="rId13"/>
    <hyperlink ref="C356" r:id="rId14"/>
    <hyperlink ref="C357" r:id="rId15"/>
    <hyperlink ref="C362" r:id="rId16"/>
    <hyperlink ref="C378" r:id="rId17"/>
    <hyperlink ref="E378" r:id="rId18"/>
    <hyperlink ref="C386" r:id="rId19"/>
  </hyperlinks>
  <pageMargins left="0.70000000000000007" right="0.70000000000000007" top="0.75" bottom="0.75" header="0.30000000000000004" footer="0.30000000000000004"/>
  <pageSetup paperSize="9" fitToWidth="0" fitToHeight="0" orientation="portrait" verticalDpi="0" r:id="rId2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採購契約目錄</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薛莘儒</dc:creator>
  <cp:lastModifiedBy>張瑋庭</cp:lastModifiedBy>
  <cp:lastPrinted>2020-07-22T10:51:50Z</cp:lastPrinted>
  <dcterms:created xsi:type="dcterms:W3CDTF">2015-08-07T04:00:46Z</dcterms:created>
  <dcterms:modified xsi:type="dcterms:W3CDTF">2021-04-29T09:30:49Z</dcterms:modified>
</cp:coreProperties>
</file>